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Bulletins\s45\"/>
    </mc:Choice>
  </mc:AlternateContent>
  <bookViews>
    <workbookView xWindow="0" yWindow="0" windowWidth="17970" windowHeight="8190" activeTab="1"/>
  </bookViews>
  <sheets>
    <sheet name="Disney Channel" sheetId="1" r:id="rId1"/>
    <sheet name="Disney Junior" sheetId="2" r:id="rId2"/>
  </sheets>
  <calcPr calcId="0"/>
</workbook>
</file>

<file path=xl/sharedStrings.xml><?xml version="1.0" encoding="utf-8"?>
<sst xmlns="http://schemas.openxmlformats.org/spreadsheetml/2006/main" count="12932" uniqueCount="1585">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31/10/2020</t>
  </si>
  <si>
    <t>samedi</t>
  </si>
  <si>
    <t>06:00:00</t>
  </si>
  <si>
    <t>LOLIROCK</t>
  </si>
  <si>
    <t>Une Soirée magique</t>
  </si>
  <si>
    <t>21</t>
  </si>
  <si>
    <t>1</t>
  </si>
  <si>
    <t>Réalisateur: Jean-Louis Vandestoc, Interprète: Cassandre BergetRéalisateur: Jean-Louis Vandestoc, Interprète: Cassandre Berget</t>
  </si>
  <si>
    <t>Les princesses sont en pleine ébullition car deux événements importants se profilent. Tout d’abord il y a le bal annuel d’Halloween. Et l’autre grand événement, qui ne se produit que tous les dix ans, c’est la « Semaine de la Sagesse », au cours de laquelle les Ephédiens peuvent communiquer avec Morgaine, la plus grande sorcière/enseignante qu’ait connu Ephédia. Si les filles demandent à l’interroger et qu’elle accepte, elle pourra leur révéler son sort le plus puissant. Elles envoient donc leur requête magique, et doivent attendre une réponse qui peut arriver à tout moment.</t>
  </si>
  <si>
    <t>Série</t>
  </si>
  <si>
    <t>Animation</t>
  </si>
  <si>
    <t>France</t>
  </si>
  <si>
    <t>2013</t>
  </si>
  <si>
    <t>22min</t>
  </si>
  <si>
    <t/>
  </si>
  <si>
    <t>Prologic</t>
  </si>
  <si>
    <t>HD</t>
  </si>
  <si>
    <t>DA85089-TX</t>
  </si>
  <si>
    <t>06:25:00</t>
  </si>
  <si>
    <t>La Maison Des Ombres</t>
  </si>
  <si>
    <t>22</t>
  </si>
  <si>
    <t>Alors que les Princesses sont en pleins préparatifs pour la grande fête de quartier, Iris remarque qu’une adolescente emménage dans une maison délabrée du quartier. Tous les voisins semblent considérer que cette maison est « hantée ». Mais la jeune fille effrontée refuse d’y croire. Plus tard, le pendentif d’Iris se met à briller et la personne en détresse n’est autre que la nouvelle voisine... Elle retourne à la maison pour vérifier si la jeune fille va bien et lui assure que la maison n’est pas hantée. Mais Méphisto et Praxina se sont justement mis en devoir de hanter la maison.</t>
  </si>
  <si>
    <t>DA85090-TX</t>
  </si>
  <si>
    <t>07:00:00</t>
  </si>
  <si>
    <t>MIRACULOUS, LES AVENTURES DE LADYBUG ET CHAT NOIR</t>
  </si>
  <si>
    <t>Animaestro</t>
  </si>
  <si>
    <t>54</t>
  </si>
  <si>
    <t>3</t>
  </si>
  <si>
    <t>Réalisateur: Thomas AstrucRéalisateur: Thomas Astruc</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2018</t>
  </si>
  <si>
    <t>21min</t>
  </si>
  <si>
    <t>Version sous-titrée sourds et malentendants</t>
  </si>
  <si>
    <t>FR76941-HDTX</t>
  </si>
  <si>
    <t>07:25:00</t>
  </si>
  <si>
    <t>Audimatrix</t>
  </si>
  <si>
    <t>28</t>
  </si>
  <si>
    <t>2</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2016</t>
  </si>
  <si>
    <t>FR32402-HDTX</t>
  </si>
  <si>
    <t>07:55:00</t>
  </si>
  <si>
    <t>LUZ À OSVILLE</t>
  </si>
  <si>
    <t>De tout petits problèmes</t>
  </si>
  <si>
    <t>12</t>
  </si>
  <si>
    <t>King se confie à une diseuse de bonne aventure dans un carnaval qui réalise son rêve, mais il y a un prix à payer.</t>
  </si>
  <si>
    <t>États-Unis</t>
  </si>
  <si>
    <t>FR85783-HDTX</t>
  </si>
  <si>
    <t>08:20:00</t>
  </si>
  <si>
    <t>30</t>
  </si>
  <si>
    <t>08:25:00</t>
  </si>
  <si>
    <t>ELENA D'AVALOR</t>
  </si>
  <si>
    <t>A la recherche de Zuzo</t>
  </si>
  <si>
    <t>41</t>
  </si>
  <si>
    <t>Réalisateur: Robb PrattRéalisateur: Robb Pratt</t>
  </si>
  <si>
    <t>Quand Zuzo disparaît dans le Monde des Esprits, Elena demande de l'aide à d'autres guides spirituels pour le retrouver.</t>
  </si>
  <si>
    <t>2017</t>
  </si>
  <si>
    <t>FR54809-HDTX</t>
  </si>
  <si>
    <t>08:50:00</t>
  </si>
  <si>
    <t>Comme un poisson hors de l'eau</t>
  </si>
  <si>
    <t>45</t>
  </si>
  <si>
    <t>Marzel, prince des sirènes, est invité à participer à sa première retraite royale. En essayant d'impressionner les autres rois, il les transforme accidentellement en sirènes.</t>
  </si>
  <si>
    <t>FR54813-HDTX</t>
  </si>
  <si>
    <t>09:20:00</t>
  </si>
  <si>
    <t>Silence</t>
  </si>
  <si>
    <t>59</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09:50:00</t>
  </si>
  <si>
    <t>Oni-Chan</t>
  </si>
  <si>
    <t>60</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10:20:00</t>
  </si>
  <si>
    <t>Le collectionneur</t>
  </si>
  <si>
    <t>27</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10:50: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Fiction</t>
  </si>
  <si>
    <t>2020</t>
  </si>
  <si>
    <t>FR87926-HDTX</t>
  </si>
  <si>
    <t>11:50:00</t>
  </si>
  <si>
    <t>GABBY DURAN, BABY-SITTER D’EXTRATERRESTRES</t>
  </si>
  <si>
    <t>La pleurnicheuse</t>
  </si>
  <si>
    <t>Quand Gabby entend parler de la rumeur qui court sur elle à l'école, elle décide d'utiliser un extraterrestre télépathe pour découvrir qui a lancé la rumeur, mettant la santé de l'extraterrestre en péril.</t>
  </si>
  <si>
    <t>23min</t>
  </si>
  <si>
    <t>FR83413-HDTX</t>
  </si>
  <si>
    <t>12:20:00</t>
  </si>
  <si>
    <t>VA-T’EN, LICORNE!</t>
  </si>
  <si>
    <t>Dans tes rêves, Licorne! / À tes ordres, Licorne!</t>
  </si>
  <si>
    <t>25</t>
  </si>
  <si>
    <t>Réalisateur: Jason GrohRéalisateur: Jason Groh</t>
  </si>
  <si>
    <t>Licorne décide d'accompagner la nouvelle surveillante de l'école, Alice, mais finit par prendre ce rôle un peu trop à coeur.</t>
  </si>
  <si>
    <t>FR63220-HDTX</t>
  </si>
  <si>
    <t>12:45:00</t>
  </si>
  <si>
    <t>Va-t’en, varicorne!</t>
  </si>
  <si>
    <t>Pour la journée du poisson d’avril, Alice demande à Licorne de lui enseigner à jouer des tours. Alice devient rapidement redoutable à ce jeu!</t>
  </si>
  <si>
    <t>FR63209-HDTX</t>
  </si>
  <si>
    <t>Nouveau</t>
  </si>
  <si>
    <t>13:00:00</t>
  </si>
  <si>
    <t>Animan</t>
  </si>
  <si>
    <t>18</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2015</t>
  </si>
  <si>
    <t>PG19204-TX</t>
  </si>
  <si>
    <t>13:25:00</t>
  </si>
  <si>
    <t>Jackady</t>
  </si>
  <si>
    <t>20</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14:00:00</t>
  </si>
  <si>
    <t>LA BANDE À PICSOU</t>
  </si>
  <si>
    <t>À la recherche de la pièce fétiche</t>
  </si>
  <si>
    <t>5</t>
  </si>
  <si>
    <t>Réalisateur: John Aoshima, Réalisateur: Dana Terrace, Interprète: David TennantRéalisateur: Dana Terrace, Interprète: David Tennant</t>
  </si>
  <si>
    <t>Loulou dépense par erreur la pièce fétiche de Picsou et fait appel à Géo Trouvetou pour la récupérer. Pendant ce temps, une conspiration donne du fil à retordre à Fifi et Zaza.</t>
  </si>
  <si>
    <t>FR60379-HDTX</t>
  </si>
  <si>
    <t>AD</t>
  </si>
  <si>
    <t>14:25:00</t>
  </si>
  <si>
    <t>Un Anniversaire chez les Rapetou</t>
  </si>
  <si>
    <t>6</t>
  </si>
  <si>
    <t>Réalisateur: Dana Terrace, Réalisateur: John Aoshima, Interprète: David TennantRéalisateur: Dana Terrace, Interprète: David Tennant</t>
  </si>
  <si>
    <t>Après avoir gâché l'anniversaire de Ma Rapetou, Zaza et sa nouvelle et mystérieuse amie, Lena, doivent échapper aux frères Rapetou et rentrer chez elles.</t>
  </si>
  <si>
    <t>FR60380-HDTX</t>
  </si>
  <si>
    <t>14:50:00</t>
  </si>
  <si>
    <t>31</t>
  </si>
  <si>
    <t>15:00:00</t>
  </si>
  <si>
    <t>PAF LE CHIEN</t>
  </si>
  <si>
    <t>Spécial Halloween</t>
  </si>
  <si>
    <t>51</t>
  </si>
  <si>
    <t>Pour Halloween, Lola a préparé une histoire qui fait peur pour ses camarades autour d'une amulette magique. Constatant que Capuche est attiré par l'amulette, les Guanos vont s'en emparer pour se débarrasser du chat. Alors que Paf va tout faire pour la récupérer, il se passe des choses étranges chez Lola depuis la disparition de l'amulette. Lucie, Hugo, Honorine ont disparu...</t>
  </si>
  <si>
    <t>2019</t>
  </si>
  <si>
    <t>FR83022-HDTX</t>
  </si>
  <si>
    <t>15:30:00</t>
  </si>
  <si>
    <t>Ennemi invisible</t>
  </si>
  <si>
    <t>9</t>
  </si>
  <si>
    <t>Réalisateur: Charles VaucelleRéalisateur: Charles Vaucelle</t>
  </si>
  <si>
    <t>Lola et ses copains doivent aller à Wonder Park.Mais Victor a la rougeole. Jaloux, il compte bien empêcher sa voisine d’y aller en lui refilant ses microbes. Paf se retrouve donc à lutter contre un ennemi invisible et particulièrement agressif. Mais rien n’arrête notre héros. Armé d’un aspirateur spécial et de lunettes-microscope faites maison, il va s’attaquer à la horde de virus affamés. Au final, il devra se sacrifier pour éviter que Lola ne tombe malade.</t>
  </si>
  <si>
    <t>7min</t>
  </si>
  <si>
    <t>FR66580-HDTX</t>
  </si>
  <si>
    <t>15:45:00</t>
  </si>
  <si>
    <t>Trois jagons et une princesse</t>
  </si>
  <si>
    <t>Alors qu'Isabel tente de prouver qu'elle peut prendre soin de trois bébés jagons toute seule, ils parviennent à s'échapper. Isabel doit alors les retrouver avant le retour de leurs parents.</t>
  </si>
  <si>
    <t>FR54798-HDTX</t>
  </si>
  <si>
    <t>16:10:00</t>
  </si>
  <si>
    <t>Une espionne au palais</t>
  </si>
  <si>
    <t>Carla, qui a changé d’apparence, s’infiltre dans le palais pour tenter de voler le diadème de la mère d’Elena.</t>
  </si>
  <si>
    <t>FR54799-HDTX</t>
  </si>
  <si>
    <t>16:45:00</t>
  </si>
  <si>
    <t>CAMP KIKIWAKA</t>
  </si>
  <si>
    <t>Camp Kikiwaka S4 Ep 68</t>
  </si>
  <si>
    <t>68</t>
  </si>
  <si>
    <t>4</t>
  </si>
  <si>
    <t>Gwen prévient que sa poupée symbole du rêve, Calinette, peut provoquer des cauchemars. Personne ne la croit, mais il se produit des choses étranges.</t>
  </si>
  <si>
    <t>FR77749-HDTX</t>
  </si>
  <si>
    <t>17:10:00</t>
  </si>
  <si>
    <t>RAVEN</t>
  </si>
  <si>
    <t>Raven S3</t>
  </si>
  <si>
    <t>48</t>
  </si>
  <si>
    <t>Après l'arrivée d'un nouveau voisin à l'allure étrange, les enfants décident de prouver qu'il est dangereux.</t>
  </si>
  <si>
    <t>FR77768-HDTX</t>
  </si>
  <si>
    <t>17:45:00</t>
  </si>
  <si>
    <t>ZOMBIES 2 VERSION KARAOKÉ</t>
  </si>
  <si>
    <t>Retrouvez la version karaoké du DCOM Zombies 2</t>
  </si>
  <si>
    <t>FR84287-HDTX</t>
  </si>
  <si>
    <t>19:30:00</t>
  </si>
  <si>
    <t>Horrificator</t>
  </si>
  <si>
    <t>10</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19:55:00</t>
  </si>
  <si>
    <t>Zombizou</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20:20:00</t>
  </si>
  <si>
    <t>Papa Garou</t>
  </si>
  <si>
    <t>58</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21:00:00</t>
  </si>
  <si>
    <t>PHINÉAS ET FERB: LES ZOMBIES DE DOOF</t>
  </si>
  <si>
    <t>Réalisateur: Robert F Hughes, Réalisateur: Sue Perrotto</t>
  </si>
  <si>
    <t>Le professeur Doofenshmirtz fabrique un Répulse-inator pour rendre son frère, le maire de Danville, repoussant mais la machine transforme son frère Roger en un clone du professeur qui, en touchant les gens leur transmet cette contagion. Tous les habitants de Danvile sont transformés en zombie-Doof. Phinéas et Ferb, aidés de leurs amis et des Filles du Feu tentent d'inverser la tendance pour sauver la population.</t>
  </si>
  <si>
    <t>Special</t>
  </si>
  <si>
    <t>2014</t>
  </si>
  <si>
    <t>42min</t>
  </si>
  <si>
    <t>FR61394-HDTX</t>
  </si>
  <si>
    <t>22:00:00</t>
  </si>
  <si>
    <t>22:25:00</t>
  </si>
  <si>
    <t>23:00:00</t>
  </si>
  <si>
    <t>Influenceuse</t>
  </si>
  <si>
    <t>Nia devient une influenceuse après avoir gagné un concours sponsorisé par une entreprise de mode jusqu'à ce que Levi annonce que cette entreprise ne défend pas les valeurs auxquelles Nia croit.</t>
  </si>
  <si>
    <t>FR77779-HDTX</t>
  </si>
  <si>
    <t>23:25:00</t>
  </si>
  <si>
    <t>Chasse au trésor</t>
  </si>
  <si>
    <t>Booker, Nia et Tess font équipe pour gagner la course au trésor qui clôturera leurs années collège et les feront entrer dans la légende.</t>
  </si>
  <si>
    <t>FR77780-HDTX</t>
  </si>
  <si>
    <t>LES NUITS DE Disney Channel France</t>
  </si>
  <si>
    <t>01/11/2020</t>
  </si>
  <si>
    <t>dimanche</t>
  </si>
  <si>
    <t>FRIENDS: CINQ FILLES EN MISSION</t>
  </si>
  <si>
    <t>Tout pour la vitesse</t>
  </si>
  <si>
    <t>Réalisateur: Andrew Tan, Réalisateur: Stephen MurrayRéalisateur: Stephen Murray, Réalisateur: Andrew Tan</t>
  </si>
  <si>
    <t>C'est l'heure de la grande course, Mia est sur les starting blocks</t>
  </si>
  <si>
    <t>Danemark</t>
  </si>
  <si>
    <t>10min</t>
  </si>
  <si>
    <t>FR62029-HDTX</t>
  </si>
  <si>
    <t>06:10:00</t>
  </si>
  <si>
    <t>Le Monstre du Lac</t>
  </si>
  <si>
    <t>13</t>
  </si>
  <si>
    <t>Réalisateur: Stephen Murray, Réalisateur: Andrew TanRéalisateur: Stephen Murray, Réalisateur: Andrew Tan</t>
  </si>
  <si>
    <t>Les filles prennent une journée de pause au bord d'un lac, quand Andrea est abordée par un groupe de jeunes fans. Plus tard, elle leur raconte qu'un monstre a surgi du lac !</t>
  </si>
  <si>
    <t>FR62030-HDTX</t>
  </si>
  <si>
    <t>A Nouveau Ensemble</t>
  </si>
  <si>
    <t>14</t>
  </si>
  <si>
    <t>Les filles réunissent sans le savoir deux anciennes amies devenues ennemies.</t>
  </si>
  <si>
    <t>FR62031-HDTX</t>
  </si>
  <si>
    <t>06:35:00</t>
  </si>
  <si>
    <t>Les Alvahbots</t>
  </si>
  <si>
    <t>15</t>
  </si>
  <si>
    <t>Avec la chaleur, les Alvahbots deviennent fous !</t>
  </si>
  <si>
    <t>FR62032-HDTX</t>
  </si>
  <si>
    <t>Comprendre Willow</t>
  </si>
  <si>
    <t>Luz, Willow et Amity se remémorent des souvenirs.</t>
  </si>
  <si>
    <t>FR80359-HDTX</t>
  </si>
  <si>
    <t>32</t>
  </si>
  <si>
    <t>Elena D'Avalor S3 Ep 79</t>
  </si>
  <si>
    <t>79</t>
  </si>
  <si>
    <t>Elena continue sa quête tout en protégeant son royaume d'une famille de sorciers malfaisants et en apprenant à maîtriser ses nouveaux pouvoirs magiques.</t>
  </si>
  <si>
    <t>FR71277-HDTX</t>
  </si>
  <si>
    <t>Elena D'Avalor S3 Ep 75</t>
  </si>
  <si>
    <t>75</t>
  </si>
  <si>
    <t>FR71273-HDTX</t>
  </si>
  <si>
    <t>09:15:00</t>
  </si>
  <si>
    <t>ELENA D'AVALOR EP 57-58</t>
  </si>
  <si>
    <t>45min</t>
  </si>
  <si>
    <t>FR79540-HDTX</t>
  </si>
  <si>
    <t>M. Pigeon</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Le Dislocoeur</t>
  </si>
  <si>
    <t>11</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11:20:00</t>
  </si>
  <si>
    <t>Le Hibou Noir</t>
  </si>
  <si>
    <t>39</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La concurrente de Gabby</t>
  </si>
  <si>
    <t>Dina fait appel à Susie Dustman, qui prétend être une super baby-sitter, pour garder Olivia. Gabby est jalouse et va affronter sa rivale pour gagner le cœur de sa sœur.</t>
  </si>
  <si>
    <t>FR83414-HDTX</t>
  </si>
  <si>
    <t>Surprise, Licorne! / Va-t'en, Alice!</t>
  </si>
  <si>
    <t>26</t>
  </si>
  <si>
    <t>Licorne et sa nouvelle amie mijotent quelque chose. Alice veut à tout prix découvrir ce que c’est!</t>
  </si>
  <si>
    <t>FR63223-HDTX</t>
  </si>
  <si>
    <t>Licorne chante en chœur!</t>
  </si>
  <si>
    <t>43</t>
  </si>
  <si>
    <t>Une partie de « capturez le drapeau » se transforme en « capturez Licorne », et Alice doit faire équipe avec son ennemi juré… Chaz.</t>
  </si>
  <si>
    <t>11min</t>
  </si>
  <si>
    <t>FR63212-HDTX</t>
  </si>
  <si>
    <t>La Malédiction du Jeu</t>
  </si>
  <si>
    <t>7</t>
  </si>
  <si>
    <t>Réalisateur: Matthew Humphreys, Réalisateur: Dana Terrace, Réalisateur: Tom Owens, Interprète: David TennantRéalisateur: Dana Terrace, Interprète: David Tennant</t>
  </si>
  <si>
    <t>Donald doit affronter son cousin Gontran dans un mystérieux hôtel de Macao. Picsou a le plus grand mal à détourner ses neveux des nombreuses distractions présentes dans cet Hôtel-Casino.</t>
  </si>
  <si>
    <t>FR60381-HDTX</t>
  </si>
  <si>
    <t>Le stage infernal chez Mark Beaks</t>
  </si>
  <si>
    <t>8</t>
  </si>
  <si>
    <t>Réalisateur: Dana Terrace, Interprète: David TennantRéalisateur: Dana Terrace, Interprète: David Tennant</t>
  </si>
  <si>
    <t>Riri et Fifi sont en compétition pour un stage chez Mark Beaks, le nouveau milliardaire de Canardville, tandis que Picsou et Gripsou font équipe pour éliminer ce concurrent agaçant.</t>
  </si>
  <si>
    <t>FR60382-HDTX</t>
  </si>
  <si>
    <t>Haute surveillance</t>
  </si>
  <si>
    <t>A cause d’un coup tordu des Guanos, le camion du vendeur de saucisses est tombé en panne devant chez Lola. La petite fille est chargée de le surveiller en attendant que le vendeur revienne avec le dépanneur. Comme récompense à la clé, un Xtra double Hot Dog ! Mais le camion attise la convoîtise de tous les animaux du quartier, Guanos en tête. De plus, Victor compte bien sur l’occasion pour se faire un Hot Dog gratos. Paf va donc défendre la diligence malgré ses envies de croquer une bonne Strasbourg !</t>
  </si>
  <si>
    <t>FR66505-HDTX</t>
  </si>
  <si>
    <t>15:15:00</t>
  </si>
  <si>
    <t>Massage à tabac</t>
  </si>
  <si>
    <t>Jour de toilettage pour Paf, qui adore se faire dorloter. Mais Lola pense que Capuche devrait aussi y avoir droit. Malgré l’interdiction de ses parents, elle cache le chaton jusqu’au salon et le dépose en compagnie de notre héros. Mais quand une vieille dame venue récupérer son hamster embarque Capuche par mégarde, Paf doit tout faire pour retrouver le chaton.</t>
  </si>
  <si>
    <t>FR66506-HDTX</t>
  </si>
  <si>
    <t>Paf monte la garde</t>
  </si>
  <si>
    <t>Lola et ses parents s’absentent quelques heures. Paf est chargé de surveiller la maison. Il a d’ailleurs reçu de la part de Lola un entraînement spécial ! Alors qu’il regarde tranquillement la télé, un bruit étrange attire son attention… Un intrus. Paf va montrer à ce voleur qu’on ne cambriole pas la maison de sa maîtresse. Les Guanos, profitant que Paf soit pleinement occupé, tentent eux d’expédier Capuche sur la lune. Mais on ne la fait pas à un Paf super entraîné qui va sauver Capuche et mettre hors d’état de nuire le cambrioleur… qui se révèlera être un livreur de courses.</t>
  </si>
  <si>
    <t>FR66507-HDTX</t>
  </si>
  <si>
    <t>Esprit d'équipe</t>
  </si>
  <si>
    <t>Pour participer à une exposition de science, Isabel doit travailler avec ses amis mais elle ignore les conseils d'Elena sur le travail en équipe et décide de créer son invention toute seule.</t>
  </si>
  <si>
    <t>FR54800-HDTX</t>
  </si>
  <si>
    <t>Le Retour de la Sorcière</t>
  </si>
  <si>
    <t>33</t>
  </si>
  <si>
    <t>Rita, qui n’est autre que Carla déguisée, éveille les soupçons de Naomi ; laquelle tente de convaincre Elena de se méfier.</t>
  </si>
  <si>
    <t>FR54801-HDTX</t>
  </si>
  <si>
    <t>Rebrousse-temps</t>
  </si>
  <si>
    <t>56</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Poupéflekta</t>
  </si>
  <si>
    <t>57</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L'équipe de choc</t>
  </si>
  <si>
    <t>67</t>
  </si>
  <si>
    <t>Elena et ses amis ont été ensorcelés par un voleur magicien. Isabel et ses copains doivent alors prendre les choses en main.</t>
  </si>
  <si>
    <t>FR71265-HDTX</t>
  </si>
  <si>
    <t>18:10:00</t>
  </si>
  <si>
    <t>18:35:00</t>
  </si>
  <si>
    <t>Amies pour la vie</t>
  </si>
  <si>
    <t>La visite d'une amie d'enfance réveille des doutes en Naomi quant à son rôle au sein du Grand Conseil.</t>
  </si>
  <si>
    <t>FR71266-HDTX</t>
  </si>
  <si>
    <t>19:00:00</t>
  </si>
  <si>
    <t>Princesse Fragrance</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19:25:00</t>
  </si>
  <si>
    <t>Le Chevalier Noir</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19:50:00</t>
  </si>
  <si>
    <t>20:15:00</t>
  </si>
  <si>
    <t>DISNEY MICKEY MOUSE (COMPILATION)</t>
  </si>
  <si>
    <t>Effet Boomerang !/Le Meilleur Méchant/Tricher n'est pas jouer</t>
  </si>
  <si>
    <t>Retrouvez une compilation des épisodes de la saison 5 de Mickey Mouse</t>
  </si>
  <si>
    <t>FR81486-HDTX</t>
  </si>
  <si>
    <t>21:10:00</t>
  </si>
  <si>
    <t>Voyage temporel/Notre Mélodie du Bonheur</t>
  </si>
  <si>
    <t>FR81487-HDTX</t>
  </si>
  <si>
    <t>21:20:00</t>
  </si>
  <si>
    <t>Ton amour me transporte !/En mille morceaux !/Pour qui sonne le péage</t>
  </si>
  <si>
    <t>FR81488-HDTX</t>
  </si>
  <si>
    <t>21:30:00</t>
  </si>
  <si>
    <t>Les peintres en bâtiment/A la lueur de la Lune/Notre Mélodie du Bonheur</t>
  </si>
  <si>
    <t>FR81489-HDTX</t>
  </si>
  <si>
    <t>101, RUE DES DALMATIENS</t>
  </si>
  <si>
    <t>Des diamants pour les chiens / Chien policier</t>
  </si>
  <si>
    <t>19</t>
  </si>
  <si>
    <t>Dolly et Dylan paniquent quand ils comprennent que Dorothy a volé le nouveau collier de Clarissa ! Pearl emmène Dolly à son entraînement et réalise que le travail de la police est plus compliqué qu'il n'y paraît !</t>
  </si>
  <si>
    <t>Royaume-Uni</t>
  </si>
  <si>
    <t>FR62073-HDTX</t>
  </si>
  <si>
    <t>Canicheloup ! / Une nuit interminable</t>
  </si>
  <si>
    <t>L'esprit de Dylan reste coincé dans Canicheloup, son jeu d'ordinateur préféré ! Dolly et ses copines donnent une bonne leçon aux garçons : ces derniers sont exclus d'un camping réservé aux garçons.</t>
  </si>
  <si>
    <t>FR84231-HDTX</t>
  </si>
  <si>
    <t>Robotik contre Waddletik</t>
  </si>
  <si>
    <t>Après que Gérard a accidentellement sauvé Riri au cours d'un braquage de banque en utilisant l'armure Robotik, Mark Beaks essaie de le convaincre de quitter les Entreprises Picsou pour devenir un super-héros au service de certains habitants.</t>
  </si>
  <si>
    <t>FR50202-HDTX</t>
  </si>
  <si>
    <t>En route pour l'avionture !</t>
  </si>
  <si>
    <t>23</t>
  </si>
  <si>
    <t>Coincés dans un avion en situation difficile, Riri, Fifi et Loulou partent à la recherche d'un bout de photo qui pourrait leur donner la clé du mystère qui entoure la disparition de leur mère.</t>
  </si>
  <si>
    <t>FR60374-HDTX</t>
  </si>
  <si>
    <t>02/11/2020</t>
  </si>
  <si>
    <t>lundi</t>
  </si>
  <si>
    <t>Les dent$ du coffre-fort</t>
  </si>
  <si>
    <t>16</t>
  </si>
  <si>
    <t>Quand Lena libère un mégalodon magique dans le coffre-fort de Picsou, la chasse au requin qui s'ensuit met à l'épreuve sa fidélité envers Miss Tick et son amitié avec Zaza</t>
  </si>
  <si>
    <t>FR60366-HDTX</t>
  </si>
  <si>
    <t>Le Lagon Doré des Plaines de l'Agonie Blanche</t>
  </si>
  <si>
    <t>17</t>
  </si>
  <si>
    <t>Picsou doit faire équipe avec Goldie O'Gilt, son ancienne associée et grand amour de jeunesse, lors d'une expédition au Klondike pour rechercher le trésor qu'ils n'avaient pas pu découvrir.</t>
  </si>
  <si>
    <t>FR60367-HDTX</t>
  </si>
  <si>
    <t>Une petite sœur inventive</t>
  </si>
  <si>
    <t>52</t>
  </si>
  <si>
    <t>Isabel embarque clandestinement pour une mission dangereuse avec Elena et ses amis. Elle veut leur prouver qu'elle peut faire partie de l'équipe.</t>
  </si>
  <si>
    <t>FR71250-HDTX</t>
  </si>
  <si>
    <t>Au secours d'un oiseau soleil</t>
  </si>
  <si>
    <t>53</t>
  </si>
  <si>
    <t>Elena tente de sauver l'oiseau soleil qui a réparé son sceptre.</t>
  </si>
  <si>
    <t>FR71251-HDTX</t>
  </si>
  <si>
    <t>08:45:00</t>
  </si>
  <si>
    <t>Chef Papa</t>
  </si>
  <si>
    <t>Le jour de la nomination du nouveau chef des jagons, Migs doit emmener ses trois enfants avec lui.</t>
  </si>
  <si>
    <t>FR71252-HDTX</t>
  </si>
  <si>
    <t>SADIE SPARKS</t>
  </si>
  <si>
    <t>Jour de poisse / Quand l’histoire s’emmêle</t>
  </si>
  <si>
    <t>Réalisateur: Olivier Lelardoux, Réalisateur: Bronagh O'HanlonRéalisateur: Olivier Lelardoux, Réalisateur: Bronagh O'Hanlon</t>
  </si>
  <si>
    <t>Sadie est victime d’une série d’événements malencontreux : chute, échec, glissade, gaffe. De son côté, Val semble avoir une chance presque surnaturelle et Sadie commence à se poser des questions. / En cours d'histoire, Miss Lacey demande à ses élèves de préparer un exposé sur l'Égypte ancienne. Elle insiste particulièrement pour qu'ils fassent « revivre l’histoire » ! Sadie fouille à l'intérieur du chapeau de Gilbert, à la recherche de quelque chose qui lui permettrait de pimenter un peu son exposé.</t>
  </si>
  <si>
    <t>FR61485-HDTX</t>
  </si>
  <si>
    <t>09:45:00</t>
  </si>
  <si>
    <t>Mon joujou préféré / Vertige de l’amour</t>
  </si>
  <si>
    <t>Réalisateur: Bronagh O'Hanlon, Réalisateur: Olivier LelardouxRéalisateur: Olivier Lelardoux, Réalisateur: Bronagh O'Hanlon</t>
  </si>
  <si>
    <t>Sadie rassemble son courage à deux mains et s’apprête à inviter Sam au bal de l’école. Malheureusement pour elle, Val, qui a entendu ses intentions lui fait un croche-patte « involontaire » et en profite pour inviter Sam. / Cela fait plusieurs jours que Sadie essaie d'inviter Sam à sortir avec elle, mais elle finit toujours par se dégonfler. Elle décide donc de concocter un philtre d'amour pour s'assurer une réponse positive de la part de Sam.</t>
  </si>
  <si>
    <t>FR61486-HDTX</t>
  </si>
  <si>
    <t>10:15:00</t>
  </si>
  <si>
    <t>HÔTEL TRANSYLVANIE - LA SÉRIE</t>
  </si>
  <si>
    <t>Portrait de Mavis en jeune vampire</t>
  </si>
  <si>
    <t>Mavis est tellement excitée qu'elle va enfin faire accrocher son portrait dans le Hall of Draculas.</t>
  </si>
  <si>
    <t>FR75322-HDTX</t>
  </si>
  <si>
    <t>10:35:00</t>
  </si>
  <si>
    <t>Amours gluantes</t>
  </si>
  <si>
    <t>29</t>
  </si>
  <si>
    <t>Wendy n'a jamais eu le béguin, alors Mavis veut l'aider à en trouver un.</t>
  </si>
  <si>
    <t>FR75323-HDTX</t>
  </si>
  <si>
    <t>Têtes atroces</t>
  </si>
  <si>
    <t>Le comte Dracula fait toujours partie du Conseil des vampires, mais en son absence, il a réussi à exploiter la technologie des boules de cristal pour surveiller Mavis à l'Hôtel Transylvania. Mais cela ne signifie pas qu'elle ne peut pas déployer ses ailes de chauve-souris et commencer à expérimenter ses nouveaux pouvoirs et capacités. Maintenant qu'elle a eu sa Fangceañera et qu'elle a reçu sa cape, Mavis est en passe de devenir une force avec laquelle il faut compter dans le monde souterrain.</t>
  </si>
  <si>
    <t>FR75324-HDTX</t>
  </si>
  <si>
    <t>11:10:00</t>
  </si>
  <si>
    <t>11:35:00</t>
  </si>
  <si>
    <t>12:10:00</t>
  </si>
  <si>
    <t>Un nouveau Grizzly</t>
  </si>
  <si>
    <t>Réalisateur: Bob Koherr, Interprète: Tessa Netting, Interprète: Miranda May, Interprète: Skai Jackson, Interprète: Nina Lu, Interprète: Nathan Arenas, Interprète: Karan Brar, Interprète: Lily Mae Silverstein, Interprète: Peyton List, Interprète: Lincoln Melcher, Interprète: Kevin QuinnInterprète: Miranda May, Interprète: Skai Jackson, Interprète: Nina Lu, Interprète: Nathan Arenas, Interprète: Karan Brar, Interprète: Peyton List, Interprète: Kevin Quinn</t>
  </si>
  <si>
    <t>Les enfants Ross reviennent passer l'été au camp Kikiwaka et sont surpris par certains changements- Ravi a un nouveau compagnon de chambrée, et les Marmottes une nouvelle monitrice</t>
  </si>
  <si>
    <t>FR29053-HDTX</t>
  </si>
  <si>
    <t>12:35:00</t>
  </si>
  <si>
    <t>Jalousie</t>
  </si>
  <si>
    <t>Réalisateur: Bob Koherr, Interprète: Nathan Arenas, Interprète: Kevin Quinn, Interprète: Peyton List, Interprète: Miranda May, Interprète: Lincoln Melcher, Interprète: Nina Lu, Interprète: Skai Jackson, Interprète: Karan BrarInterprète: Miranda May, Interprète: Skai Jackson, Interprète: Nina Lu, Interprète: Nathan Arenas, Interprète: Karan Brar, Interprète: Peyton List, Interprète: Kevin Quinn</t>
  </si>
  <si>
    <t>Le camp Kikiwaka prépare son bal annuel. Tiffany et Zuri espèrent danser avec un beau garçon. Emma apprend que Lou et Xander ont été amoureux.</t>
  </si>
  <si>
    <t>20min</t>
  </si>
  <si>
    <t>FR29054-HDTX</t>
  </si>
  <si>
    <t>13:05:00</t>
  </si>
  <si>
    <t>13:30:00</t>
  </si>
  <si>
    <t>Camping surprise</t>
  </si>
  <si>
    <t>50</t>
  </si>
  <si>
    <t>Maman et Papa emmènent Lola, Lucie, Hugo et Victor faire du camping dans la forêt. Alors que les parents vont chercher du bois et se perdent dans la forêt, Lola va devoir rassurer ses amis tandis que Paf va tout faire pour que les Guanos n'en profitent pas pour capturer Capuche. Mais ce dernier se lie d'amitié avec...un ours. Ce qui va faciliter la tâche pour personne!</t>
  </si>
  <si>
    <t>FR83021-HDTX</t>
  </si>
  <si>
    <t>PHINÉAS ET FERB</t>
  </si>
  <si>
    <t>Perry l'ornithorynque contre Denis le lapin / Journée au Spa</t>
  </si>
  <si>
    <t>Réalisateur: Dan Povenmire, Réalisateur: Robert F Hughes, Réalisateur: Zac Moncrief, Interprète: Bowling For SoupRéalisateur: Dan Povenmire, Interprète: Bowling For Soup</t>
  </si>
  <si>
    <t>Denis le lapin, un agent ennemi, s'introduit chez les Flynn pour neutraliser Perry l'ornithorynque... / Candice et Stacy veulent aller au Spa, mais quand Jérémy les invite à venir construire une maison, Candice ne peut pas dire non...</t>
  </si>
  <si>
    <t>2007</t>
  </si>
  <si>
    <t>FR50608-HDTX</t>
  </si>
  <si>
    <t>Tourisme en bulle / Isabella et le temple de la Sève</t>
  </si>
  <si>
    <t>42</t>
  </si>
  <si>
    <t>Réalisateur: Zac Moncrief, Réalisateur: Dan Povenmire, Interprète: Bowling For SoupRéalisateur: Dan Povenmire, Interprète: Bowling For Soup</t>
  </si>
  <si>
    <t>Phinéas et Ferb se mettent en tête de fabriquer la plus grosse bulle du monde... / L'histoire de la bulle géante contée du point de vue des Filles du Feu...</t>
  </si>
  <si>
    <t>FR50609-HDTX</t>
  </si>
  <si>
    <t>Gigantitan</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Riposte</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LES GREEN À BIG CITY</t>
  </si>
  <si>
    <t>Les Green à Big City S2 Ep 40</t>
  </si>
  <si>
    <t>40</t>
  </si>
  <si>
    <t>FR70943-HDTX</t>
  </si>
  <si>
    <t>Cricket, star de la pub / Problème de voiture</t>
  </si>
  <si>
    <t>Cricket doit tenir un rôle important dans la nouvelle publicité de Big Café mais il perd confiance en lui. Bill échange sa vieille voiture contre un modèle high-tech qui n'est pas à la hauteur de ses espérances.</t>
  </si>
  <si>
    <t>FR70934-HDTX</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La magie en moi, deuxième partie</t>
  </si>
  <si>
    <t>Grâce aux nouveaux pouvoirs d'Elena, le secret d'Esteban est dévoilé !</t>
  </si>
  <si>
    <t>FR71256-HDTX</t>
  </si>
  <si>
    <t>Flor de Luz</t>
  </si>
  <si>
    <t>65</t>
  </si>
  <si>
    <t>Deux esprits mal intentionnés tentent de gâcher Día de los Muertos. Elena doit alors se rendre dans le monde des esprits pour sauver la fête.</t>
  </si>
  <si>
    <t>FR71263-HDTX</t>
  </si>
  <si>
    <t>20:00:00</t>
  </si>
  <si>
    <t>PYJAMASQUES</t>
  </si>
  <si>
    <t>Yoyo et l’Animo-Métamorpho-Zoo / Gluglu et le robot sous-marin</t>
  </si>
  <si>
    <t>36</t>
  </si>
  <si>
    <t>Réalisateur: Christian De VitaRéalisateur: Christian De Vita</t>
  </si>
  <si>
    <t>Roméo transforme Yoyo en chaton et le confie à Robot. Puis Roméo tend un piège à Bibou, Gluglu, et tous les habitants de la ville, pour pouvoir les transformer, eux aussi, en animaux et devenir le maître du monde ! Mais Robot, très attaché à son nouveau compagnon, ne va pas aider Roméo, bien au contraire. / Quand le sous-marin télécommandé de Greg disparaît mystérieusement sous l’eau, c’est un nouveau défi pour les Pyjamasques ! Roméo veut les attirer sous l'eau ! Gluglu fait tout pour le faire échouer mais il n’ose pas avouer à ses amis qu’il n’est pas du tout à l’aise en milieu aquatique.</t>
  </si>
  <si>
    <t>FR43078-HDTX</t>
  </si>
  <si>
    <t>20:25:00</t>
  </si>
  <si>
    <t>Roméo contre-attaque / Sorceline et la lune cassée</t>
  </si>
  <si>
    <t>37</t>
  </si>
  <si>
    <t>Les Pyjamasques ont hâte d’utiliser leurs nouveaux pouvoirs. L’occasion se présente quand Roméo lance Robot à l’attaque. Tout fonctionne à merveille mais les choses se gâtent quand Robot s'équipe d’une ceinture multi-pouvoirs. Les Pyjamasques se retrouvent enfermés dans une cage... Heureusement, Pyja-Robot veille!/ Les Pyjamasques découvrent que la Lune est en train de se fissurer ! Ils pensent que c'est la faute de Sorceline, mais c'est celle de Roméo et Robot, qui creusent la Lune pour y trouver un cristal. D'abord hésitants, les Pyjamasques font finalement équipe avec Sorceline.</t>
  </si>
  <si>
    <t>FR63062-HDTX</t>
  </si>
  <si>
    <t>Ta mère, mon idole</t>
  </si>
  <si>
    <t>Réalisateur: Robbie Countryman, Interprète: Kevin Quinn, Interprète: Miranda May, Interprète: Skai Jackson, Interprète: Christina Moore, Interprète: Nina Lu, Interprète: Nathan Arenas, Interprète: Karan Brar, Interprète: Peyton ListInterprète: Miranda May, Interprète: Skai Jackson, Interprète: Nina Lu, Interprète: Nathan Arenas, Interprète: Karan Brar, Interprète: Peyton List, Interprète: Kevin Quinn</t>
  </si>
  <si>
    <t>Lou voit son rêve se réaliser : la légendaire Christina Ross vient passer quelques jours au campement. Les garçons de la cabine des Grizzly partent en camping à la montagne.</t>
  </si>
  <si>
    <t>FR29062-HDTX</t>
  </si>
  <si>
    <t>21:25:00</t>
  </si>
  <si>
    <t>En plein brouillard</t>
  </si>
  <si>
    <t>Réalisateur: Rich Correll, Interprète: Casey Campbell, Interprète: Miranda May, Interprète: Skai Jackson, Interprète: Nina Lu, Interprète: Nathan Arenas, Interprète: Karan Brar, Interprète: Kevin Quinn, Interprète: Peyton ListInterprète: Miranda May, Interprète: Skai Jackson, Interprète: Nina Lu, Interprète: Nathan Arenas, Interprète: Karan Brar, Interprète: Peyton List, Interprète: Kevin Quinn</t>
  </si>
  <si>
    <t>Un étrange brouillard toxique s'abat sur le camp Kikiwaka.</t>
  </si>
  <si>
    <t>FR29064-HDTX</t>
  </si>
  <si>
    <t>COOP &amp; CAMI</t>
  </si>
  <si>
    <t>Un rendez-vous gênant</t>
  </si>
  <si>
    <t>Cooper et Cami apprennent que leur mère veut recommencer à sortir et que son premier rendez-vous n'est autre que le principal de leur école!</t>
  </si>
  <si>
    <t>FR58797-HDTX</t>
  </si>
  <si>
    <t>Le secret de Cami</t>
  </si>
  <si>
    <t>Cooper révèle accidentellement aux fans que Cami dort toujours avec son hippopotame en peluche "Ho-Ho" et quand l'hippopotame bien-aimé est accidentellement donné à une collecte de jouets, Fred et Cooper tentent d'arranger les choses.</t>
  </si>
  <si>
    <t>FR58808-HDTX</t>
  </si>
  <si>
    <t>VIOLETTA</t>
  </si>
  <si>
    <t>Episode 46</t>
  </si>
  <si>
    <t>46</t>
  </si>
  <si>
    <t>Réalisateur: Lucas Gil, Réalisateur: Jorge Nisco, Réalisateur: Martin Saban, Interprète: Lodovica Comello, Interprète: Florencia Benitez, Interprète: Alba Rico, Interprète: Martina Stoessel, Interprète: Jorge Blanco, Interprète: Candelaria Molfese, Interprète: Diego Ramos, Interprète: Nicolas Garnier, Interprète: Clara Alonso, Interprète: Facundo Gambande, Interprète: Pablo Espinosa, Interprète: Simone Lijoi, Interprète: Mercedes Lambre, Interprète: Joaquin Mendez, Interprète: Milagros Ceballos, Interprète: Damian Trabada, Interprète: Gonzalo Martinez, Interprète: Esther Ramos, Interprète: Iara MunozRéalisateur: Jorge Nisco, Réalisateur: Lucas Gil, Réalisateur: Martin Saban, Interprète: Facundo Gambande, Interprète: Pablo Espinosa, Interprète: Simone Lijoi, Interprète: Mercedes Lambre, Interprète: Lodovica Comello, Interprète: Florencia Benitez, Interprète: Alba Rico, Interprète: Clara Alonso, Interprète: Jorge Blanco, Interprète: Candelaria Molfese, Interprète: Diego Ramos, Interprète: Nicolas Garnier, Interprète: Martina Stoessel, Interprète: Esther Ramos, Interprète: Milagros Ceballos, Interprète: Iara Munoz, Interprète: Joaquin Mendez, Interprète: Damian Trabada, Interprète: Gonzalo Martinez</t>
  </si>
  <si>
    <t>Jade fait irruption dans le bureau de Germán et interrompt une importante réunion pour lui demander des explications. A-t-il réellement l'intention de réembaucher Angie ? Germán prévient sa fiancée qu'il ne tolérera plus ce genre de comportement.</t>
  </si>
  <si>
    <t>Espagne</t>
  </si>
  <si>
    <t>2012</t>
  </si>
  <si>
    <t>43min</t>
  </si>
  <si>
    <t>FJ67377-TX</t>
  </si>
  <si>
    <t>03/11/2020</t>
  </si>
  <si>
    <t>mardi</t>
  </si>
  <si>
    <t>Les dossiers confidentiels de l'Agent 22</t>
  </si>
  <si>
    <t>Zaza accompagne Picsou contre son gré dans une mission secrète pour sauver Mamie Baba des griffes d'une ancienne ennemie jurée, comme quand ils étaient espions, dans les années 60.</t>
  </si>
  <si>
    <t>FR60368-HDTX</t>
  </si>
  <si>
    <t>Pirates du ciel… dans le ciel !</t>
  </si>
  <si>
    <t>À force d'être ignoré par sa famille, Fifi en a assez, et décide de partir pour rejoindre l'équipage des pirates du ciel de l'exubérant Don Karnage.</t>
  </si>
  <si>
    <t>FR60369-HD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Leurs majestés rétrécissent</t>
  </si>
  <si>
    <t>55</t>
  </si>
  <si>
    <t>Le premier Festin de l'Amitié organisé par Julio tourne au vinaigre et tous les convives rapetissent soudainement.</t>
  </si>
  <si>
    <t>FR71253-HDTX</t>
  </si>
  <si>
    <t>Le prix de la paix à Norberg</t>
  </si>
  <si>
    <t>Elena se rend à Norberg pour aider deux souverains à régler leurs différends.</t>
  </si>
  <si>
    <t>FR71254-HDTX</t>
  </si>
  <si>
    <t>La magie en moi, première partie</t>
  </si>
  <si>
    <t>La veille du carnaval, Elena tombe dans le puits aux cristaux et voit ses pouvoirs transformés et augmentés.</t>
  </si>
  <si>
    <t>FR71255-HDTX</t>
  </si>
  <si>
    <t>La flortilège d'invisibilité / Meilleurs ennemis</t>
  </si>
  <si>
    <t>Covert a entendu parler d'une fleur qui rend invisible et elle veut à tout prix mettre la main dessus.Pendant ce temps, les Anciens demandent à Sadie et Gilbert de retrouver la fleur et de la ramener en sécurité dans le royaume magique. / Gilbert et Cornelius se disputent et malheureusement pour eux, Covert les surprend. Covert est convaincue qu'il y a de la magie dans l'air.</t>
  </si>
  <si>
    <t>FR61487-HDTX</t>
  </si>
  <si>
    <t>L'épreuve de Blaine / Mémoires de maman</t>
  </si>
  <si>
    <t>Sadie et Blaine s'entraînent à jeter des sorts de lévitation dans la forêt quand Zaine, le cousin super cool de Blaine se pointe.Il propose à son jeune cousin Blaine de l'aider à développer ses pouvoirs. / Selina est furieuse. En rentrant à la maison, elle découvre les murs de sa cuisine recouverts d'une mixture orange. Sadie lancera un sort à sa mère pour lui effacer sa mémoire.</t>
  </si>
  <si>
    <t>FR61470-HDTX</t>
  </si>
  <si>
    <t>Vapeurs vampires</t>
  </si>
  <si>
    <t>FR75325-HDTX</t>
  </si>
  <si>
    <t>Poupée de rêve</t>
  </si>
  <si>
    <t>FR75326-HDTX</t>
  </si>
  <si>
    <t>Hypnosferatu</t>
  </si>
  <si>
    <t>FR75327-HDTX</t>
  </si>
  <si>
    <t>Glaciator</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La brebis de Zuri</t>
  </si>
  <si>
    <t>24</t>
  </si>
  <si>
    <t>Réalisateur: Bob Koherr, Interprète: Peyton List, Interprète: Kevin Quinn, Interprète: Lincoln Melcher, Interprète: Miranda May, Interprète: Skai Jackson, Interprète: Nina Lu, Interprète: Nathan Arenas, Interprète: Karan BrarInterprète: Miranda May, Interprète: Skai Jackson, Interprète: Nina Lu, Interprète: Nathan Arenas, Interprète: Karan Brar, Interprète: Peyton List, Interprète: Kevin Quinn</t>
  </si>
  <si>
    <t>Lou demande à Zuri et Emma de venir travailler à la grange. Les garçons découvrent que Gladys cache un secret dans les bois.</t>
  </si>
  <si>
    <t>FR29055-HDTX</t>
  </si>
  <si>
    <t>Zuri et les fouines</t>
  </si>
  <si>
    <t>Réalisateur: Phill Lewis, Interprète: Lily Mae Silverstein, Interprète: Peyton List, Interprète: Lincoln Melcher, Interprète: Kevin Quinn, Interprète: Miranda May, Interprète: Skai Jackson, Interprète: Tessa Netting, Interprète: Nina Lu, Interprète: Nathan Arenas, Interprète: Karan BrarInterprète: Miranda May, Interprète: Skai Jackson, Interprète: Nina Lu, Interprète: Nathan Arenas, Interprète: Karan Brar, Interprète: Peyton List, Interprète: Kevin Quinn</t>
  </si>
  <si>
    <t>Devant le désarroi de Zuri, Hazel la nomme monitrice stagiaire de la cabane des Fouines. Jorge convainc Ravi que le cheval du camp a un talent caché.</t>
  </si>
  <si>
    <t>FR29057-HDTX</t>
  </si>
  <si>
    <t>Ladybug &amp; Chat Noir (Origines – Partie 1)</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76</t>
  </si>
  <si>
    <t>La trotinette guanos/ Recyclage à gogo/ Tout pour Justin</t>
  </si>
  <si>
    <t>35</t>
  </si>
  <si>
    <t>Lola aide Hugo à faire de la trotinnette. Mais les Guanos, attirés par le klaxon en forme de pigeon, qu'ils pensent être un des leurs, menacent la mission de Lola. Paf va devoir intervenir.</t>
  </si>
  <si>
    <t>FR83006-HDTX</t>
  </si>
  <si>
    <t>Ca, c’est un labyrinthe ! / Max Modem</t>
  </si>
  <si>
    <t>Réalisateur: Dan Povenmire, Réalisateur: Jay Lender, Réalisateur: Zac Moncrief, Interprète: Bowling For SoupRéalisateur: Dan Povenmire, Interprète: Bowling For Soup</t>
  </si>
  <si>
    <t>Phineas et Ferb construisent un labyrinthe géant et organisent une course pour savoir qui en sortira le plus vite. / Candice est folle de joie d’apprendre que sa mère a été une pop-star dans les années 80 et de pouvoir l’accompagner à un concert...</t>
  </si>
  <si>
    <t>FR50625-HDTX</t>
  </si>
  <si>
    <t>Vacances Hawaïennes Partie 1 et 2</t>
  </si>
  <si>
    <t>Réalisateur: Dan Povenmire, Réalisateur: Zac Moncrief, Interprète: Bowling For SoupRéalisateur: Dan Povenmire, Interprète: Bowling For Soup</t>
  </si>
  <si>
    <t>Les Flynn-Fletcher arrivent en vacances à Hawaï. Candice est bien décidée à se détendre. Phinéas et Ferb s’efforcent de ramener des Aqua-Primitifs à la vie tandis que le Professeur Doofenschmirtz s’évertue à faire régresser le genre humain...</t>
  </si>
  <si>
    <t>FR50627-HDTX</t>
  </si>
  <si>
    <t>Befana</t>
  </si>
  <si>
    <t>34</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Les Green à Big City S2 Ep 41</t>
  </si>
  <si>
    <t>FR70944-HDTX</t>
  </si>
  <si>
    <t>Légende urbaine / La fontaine à vœux</t>
  </si>
  <si>
    <t>Grand-mère fait croire aux voisins qu'elle est une sorcière et Bill organise un barbecue. Cricket escroque Tilly avec une fontaine à vœux et a un cas de conscience, il doit faire un choix.</t>
  </si>
  <si>
    <t>FR70935-HDTX</t>
  </si>
  <si>
    <t>Caméléon</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Le Pharaon</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Capitaine Mateo</t>
  </si>
  <si>
    <t>L'amitié entre Gaby et Mateo est mise à l'épreuve lorsque Mateo est nommé capitaine de la Garde Royale.</t>
  </si>
  <si>
    <t>FR71257-HDTX</t>
  </si>
  <si>
    <t>Magie et chocolats</t>
  </si>
  <si>
    <t>61</t>
  </si>
  <si>
    <t>Elena est débordée et a du mal à accorder du temps à ses proches. Luisa la persuade de rouvrir la chocolaterie familiale.</t>
  </si>
  <si>
    <t>FR71259-HDTX</t>
  </si>
  <si>
    <t>La montagne mystérieuse / Les Pyjamasques et le Pyja-prisonnier</t>
  </si>
  <si>
    <t>38</t>
  </si>
  <si>
    <t>Les Pyjamasques découvrent que Ninjaka a volé le parchemin qui mène à "l'Anneau de Ninjaptitude". Cet anneau, caché dans la montagne mystérieuse, lui donnerait d'énormes pouvoirs ! Une course-poursuite s'engage vers la montagne et ses nombreux pièges : les Pyjamasques parviendront-ils à couper la route à Ninjaka?/ Toujours en quête du précieux "anneau de Ninjaptitude", Ninjaka et ses Ninjazouaves kidnappent Pyja-Robot ! Pour récupérer leur précieux ami, les pyjamasques devront braver les dangers le la montagne à la place de Ninjaka et lui rapporter l'anneau.</t>
  </si>
  <si>
    <t>FR43080-HDTX</t>
  </si>
  <si>
    <t>Yoyo et les Farfeloups / Gluglu et les dinosaures</t>
  </si>
  <si>
    <t>De nouveaux méchants débarquent en ville : ce sont des loups-garous qui cherchent à s’approprier la ville entière et empêcher les autres de s’amuser. Yoyo doit apprendre à penser aux autres avant lui-même. / Le musée organise une exposition sur les dinosaures, une des passions de Gluglu. Mais des os de dinosaures ont disparu et les Pyjamasques vont devoir mener l’enquête. Qui a bien pu les voler ?</t>
  </si>
  <si>
    <t>FR43081-HDTX</t>
  </si>
  <si>
    <t>Un amour naissant</t>
  </si>
  <si>
    <t>Réalisateur: Rich Correll, Interprète: Nina Lu, Interprète: Skai Jackson, Interprète: Karan Brar, Interprète: Nathan Arenas, Interprète: Kevin Quinn, Interprète: Peyton List, Interprète: Miranda May, Interprète: Sean Whalen, Interprète: Lincoln MelcherInterprète: Miranda May, Interprète: Skai Jackson, Interprète: Nina Lu, Interprète: Nathan Arenas, Interprète: Karan Brar, Interprète: Peyton List, Interprète: Kevin Quinn</t>
  </si>
  <si>
    <t>Xander et Emma apprennent que deux de leurs campeurs sont amoureux l'un de l'autre.</t>
  </si>
  <si>
    <t>FR34233-HDTX</t>
  </si>
  <si>
    <t>Le chagrin de Lou</t>
  </si>
  <si>
    <t>Réalisateur: Bob Koherr, Interprète: Nathan Arenas, Interprète: Karan Brar, Interprète: Peyton List, Interprète: Kevin Quinn, Interprète: Miranda May, Interprète: Casey Campbell, Interprète: Nina Lu, Interprète: Skai JacksonInterprète: Miranda May, Interprète: Skai Jackson, Interprète: Nina Lu, Interprète: Nathan Arenas, Interprète: Karan Brar, Interprète: Peyton List, Interprète: Kevin Quinn</t>
  </si>
  <si>
    <t>Le camp se réunit après la mort du chien de Lou.</t>
  </si>
  <si>
    <t>FR29066-HDTX</t>
  </si>
  <si>
    <t>Bricoleur du dimanche</t>
  </si>
  <si>
    <t>Puisque son père n'est plus là, Cooper décide de s'occuper des réparations de la maison, mais c'est un piètre bricoleur et Cami répare ses erreurs en secret.</t>
  </si>
  <si>
    <t>FR58811-HDTX</t>
  </si>
  <si>
    <t>L'audition</t>
  </si>
  <si>
    <t>Charlotte fait appel à Coop et Cami pour devenir membre du groupe a cappella très propulaire de l'école, les Glamtronics.</t>
  </si>
  <si>
    <t>FR58812-HDTX</t>
  </si>
  <si>
    <t>Episode 47</t>
  </si>
  <si>
    <t>47</t>
  </si>
  <si>
    <t>Réalisateur: Lucas Gil, Réalisateur: Martin Saban, Réalisateur: Jorge Nisco, Interprète: Martina Stoessel, Interprète: Diego Ramos, Interprète: Nicolas Garnier, Interprète: Simone Lijoi, Interprète: Clara Alonso, Interprète: Facundo Gambande, Interprète: Jorge Blanco, Interprète: Candelaria Molfese, Interprète: Pablo Espinosa, Interprète: Mercedes Lambre, Interprète: Lodovica Comello, Interprète: Florencia Benitez, Interprète: Alba Rico, Interprète: Damian Trabada, Interprète: Joaquin Mendez, Interprète: Milagros Ceballos, Interprète: Gonzalo Martinez, Interprète: Esther Ramos, Interprète: Iara MunozRéalisateur: Jorge Nisco, Réalisateur: Lucas Gil, Réalisateur: Martin Saban, Interprète: Facundo Gambande, Interprète: Pablo Espinosa, Interprète: Simone Lijoi, Interprète: Mercedes Lambre, Interprète: Lodovica Comello, Interprète: Florencia Benitez, Interprète: Alba Rico, Interprète: Clara Alonso, Interprète: Jorge Blanco, Interprète: Candelaria Molfese, Interprète: Diego Ramos, Interprète: Nicolas Garnier, Interprète: Martina Stoessel, Interprète: Esther Ramos, Interprète: Milagros Ceballos, Interprète: Iara Munoz, Interprète: Joaquin Mendez, Interprète: Damian Trabada, Interprète: Gonzalo Martinez</t>
  </si>
  <si>
    <t>Violetta refuse toujours d'avouer ses sentiments à Tomas, pendant que Ludmila aiguise la jalousie de Léon. Angie retourne chez German ; Jade n'était pas au courant. Elle est désagréable au possible. Avec Matias, ils décident de découvrir le passé d'Angie</t>
  </si>
  <si>
    <t>FJ67378-TX</t>
  </si>
  <si>
    <t>04/11/2020</t>
  </si>
  <si>
    <t>mercredi</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06:50:00</t>
  </si>
  <si>
    <t>Licorne s'invite à la fête ! / Licorne à la mer !</t>
  </si>
  <si>
    <t>Alice a planifié tous les détails de sa fête d’anniversaire à la perfection… jusqu’à ce qu’une drôle de licorne arrive à l’improviste en affirmant être le meilleur ami d’Alice ! / Alice veut profiter de sa sortie scolaire à l’aquarium pour être embauchée comme guide, mais Licorne gâche tout en tentant de trouver une vraie sirène.</t>
  </si>
  <si>
    <t>FR63171-HDTX</t>
  </si>
  <si>
    <t>07:50:00</t>
  </si>
  <si>
    <t>Licorne enquête ! / Licorne déménage !</t>
  </si>
  <si>
    <t>Lorsque la figurine d’Alice à l’effigie de l’inspecteur Brioche disparaît mystérieusement, Alice et Licorne décident de prendre l’enquête en main et de résoudre l’affaire. / Lorsque Licorne s’en va pour le week-end, Alice profite de la tranquillité… jusqu’à ce qu’elle voie Licorne s’amuser avec Pixie. Elle se demande si elle a perdu son meilleur ami.</t>
  </si>
  <si>
    <t>FR63204-HDTX</t>
  </si>
  <si>
    <t>Dans la peau d’une mouche / Retour vers les années 50</t>
  </si>
  <si>
    <t>101</t>
  </si>
  <si>
    <t>Réalisateur: Dan Povenmire, Réalisateur: Sue Perrotto, Réalisateur: Robert F Hughes, Interprète: Bowling For SoupRéalisateur: Dan Povenmire, Interprète: Bowling For Soup</t>
  </si>
  <si>
    <t>Candice se retrouve accidentellement changée en mouche. / Phinéas et Ferb restaurent la vieille voiture que leur papa comptait offrir à Candice.</t>
  </si>
  <si>
    <t>FR54061-HDTX</t>
  </si>
  <si>
    <t>Candice délègue / Recyclage d’inventions</t>
  </si>
  <si>
    <t>103</t>
  </si>
  <si>
    <t>Réalisateur: Dan Povenmire, Réalisateur: Sue Perrotto, Interprète: Bowling For SoupRéalisateur: Dan Povenmire, Interprète: Bowling For Soup</t>
  </si>
  <si>
    <t>Candice défie Buford de piéger ses frères en empêchant leur dernière invention de disparaître à la dernière seconde. / Phinéas, Ferb et leurs amis décident de recycler les matériaux de leurs inventions passées en une nouvelle invention.</t>
  </si>
  <si>
    <t>FR54063-HDTX</t>
  </si>
  <si>
    <t>La Princesse Rutabaga / Le mur d’escalade</t>
  </si>
  <si>
    <t>104</t>
  </si>
  <si>
    <t>Réalisateur: Robert F Hughes, Réalisateur: Dan Povenmire, Interprète: Bowling For SoupRéalisateur: Dan Povenmire, Interprète: Bowling For Soup</t>
  </si>
  <si>
    <t>Candice a été élue Princesse Rutabaga et préside aux festivités de la centième course annuelle de chinchillas de Danville à Badgertown retransmise à la télévision. / Candice entre en studio pour enregistrer la version audio du manuel des Filles du Feu.</t>
  </si>
  <si>
    <t>FR54064-HDTX</t>
  </si>
  <si>
    <t>10:40:00</t>
  </si>
  <si>
    <t>Boulangerix</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Owl House S1, The</t>
  </si>
  <si>
    <t>FR87870-HDTX</t>
  </si>
  <si>
    <t>11:45:00</t>
  </si>
  <si>
    <t>Pari risqué, pari piégé</t>
  </si>
  <si>
    <t>Luz découvre un aspect inattendu de l'école quand Gus l'invite au Club des Amateurs d'Humains.</t>
  </si>
  <si>
    <t>FR83749-HDTX</t>
  </si>
  <si>
    <t>Gorizilla</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Robostus</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13:10:00</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13:45:00</t>
  </si>
  <si>
    <t>Enquête au Manoir Picsou</t>
  </si>
  <si>
    <t>Picsou disparaît pendant sa fête d'anniversaire. Toutes les portes sont fermées. Le détective Riri mène l'enquête et tous les invités sont suspects.</t>
  </si>
  <si>
    <t>FR60361-HDTX</t>
  </si>
  <si>
    <t>14:10:00</t>
  </si>
  <si>
    <t>14:35:00</t>
  </si>
  <si>
    <t>La Journée de l'Enfant Unique</t>
  </si>
  <si>
    <t>Fifi lance la Journée de l'Enfant Unique, une fête destinée à lui seul, en totale indépendance de ses frères. Mais son beau projet tourne mal et c'est tous les trois qu'ils devront réparer les dégâts.</t>
  </si>
  <si>
    <t>FR50195-HDTX</t>
  </si>
  <si>
    <t>Inverso</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Anansi</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Les Green à Big City S2 Ep 42</t>
  </si>
  <si>
    <t>FR70945-HDTX</t>
  </si>
  <si>
    <t>Ascenseur en panne / Mauvaise influence</t>
  </si>
  <si>
    <t>Gloria est coincée dans un ascenseur avec la famille Green. Remy se fait avoir par un influenceur qui fait le buzz sur les réseaux sociaux et Tilly poste des vidéos avec Bill.</t>
  </si>
  <si>
    <t>FR70937-HDTX</t>
  </si>
  <si>
    <t>Lady Wifi</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Le Dessinateur</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Rogercop</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Le Trésor Familial</t>
  </si>
  <si>
    <t>Elena et Isabel aident deux frères en conflit à trouver un précieux trésor caché par leur mère.</t>
  </si>
  <si>
    <t>FR71258-HDTX</t>
  </si>
  <si>
    <t>L'attrape-rêve</t>
  </si>
  <si>
    <t>62</t>
  </si>
  <si>
    <t>Quand les rêves d'Elena prennent vie comme par magie, elle doit faire face à des sentiments enfouis qui en sont à l'origine.</t>
  </si>
  <si>
    <t>FR71260-HDTX</t>
  </si>
  <si>
    <t>Gluglu et la chasse aux oeufs / Bibou a un plan</t>
  </si>
  <si>
    <t>Tout est prêt à l’école pour la grande chasse aux œufs de Pâques. Les Pyjamasques vont devoir ouvrir l’oeil pour empêcher les méchants de voler les œufs pendant la nuit. Mais Gluglu a beaucoup de mal à résister à l’appel du chocolat... Mettra-t-il la mission des Pyjamasques en péril par sa gourmandise ?/ Bibou pense déjouer les plans de Sorceline, mais c'est sans compter sur l'arrivée des Farfeloups. Bibou apprend qu'elle n'est pas la seule à pouvoir trouver de belles startégies pour contrer les "méchants".</t>
  </si>
  <si>
    <t>FR43082-HDTX</t>
  </si>
  <si>
    <t>Yoyo pas rapido / Gluglu et la lave collante</t>
  </si>
  <si>
    <t>Robot fabrique un costume de Yoyo pour Roméo. Grâce à son nouveau laser-aspirateur, Roméo vole aussi les pouvoirs de Yoyo. Pour l'arrêter, Yoyo doit apprendre à être un héros sans super-pouvoir ! / Ninjaka a transformé la montagne mystérieuse en volcan d'étoiles collantes. Gluglu pense que ses pouvoirs ne suffiront pas pour l’arrêter, mais ses amis vont lui redonner confiance!</t>
  </si>
  <si>
    <t>FR43083-HDTX</t>
  </si>
  <si>
    <t>Entre chien et loup</t>
  </si>
  <si>
    <t>Réalisateur: Robbie Countryman, Interprète: Nina Lu, Interprète: Nathan Arenas, Interprète: Karan Brar, Interprète: Peyton List, Interprète: Nate Stone, Interprète: Kevin Quinn, Interprète: Lincoln Melcher, Interprète: Miranda May, Interprète: Skai JacksonInterprète: Nina Lu, Interprète: Nathan Arenas, Interprète: Karan Brar, Interprète: Peyton List, Interprète: Kevin Quinn, Interprète: Miranda May, Interprète: Skai Jackson</t>
  </si>
  <si>
    <t>Le nouveau chien de Lou dévaste la cabane des Marmottes.</t>
  </si>
  <si>
    <t>FR29067-HDTX</t>
  </si>
  <si>
    <t>La Boue est Taboue</t>
  </si>
  <si>
    <t>Réalisateur: Rich Correll, Interprète: Nina Lu, Interprète: Nathan Arenas, Interprète: Kevin Quinn, Interprète: Peyton List, Interprète: Nate Stone, Interprète: Lincoln Melcher, Interprète: Miranda May, Interprète: Skai Jackson, Interprète: Karan BrarInterprète: Nina Lu, Interprète: Nathan Arenas, Interprète: Karan Brar, Interprète: Peyton List, Interprète: Kevin Quinn, Interprète: Miranda May, Interprète: Skai Jackson</t>
  </si>
  <si>
    <t>Malgré l'interdiction de Ravi, Zuri, Tiffany et Jorge font des glissades dans un chemin de boue qu'ils ont découvert pendant une randonnée.</t>
  </si>
  <si>
    <t>FR29068-HDTX</t>
  </si>
  <si>
    <t>Mon ami le Principal</t>
  </si>
  <si>
    <t>Cooper est mis à l'écart à l'école parce que ses camarades le croient ami avec le principal Walker.</t>
  </si>
  <si>
    <t>FR63797-HDTX</t>
  </si>
  <si>
    <t>À la recherche d'Oliver</t>
  </si>
  <si>
    <t>Cooper et Cami perdent Oliver au centre commercial et ils doivent le retrouver avant que Jenna s'en rende compte et l'empêche de participer à "Vous préférez quoi?".</t>
  </si>
  <si>
    <t>FR58814-HDTX</t>
  </si>
  <si>
    <t>Episode 48</t>
  </si>
  <si>
    <t>Réalisateur: Lucas Gil, Réalisateur: Martin Saban, Réalisateur: Jorge Nisco, Interprète: Clara Alonso, Interprète: Facundo Gambande, Interprète: Jorge Blanco, Interprète: Candelaria Molfese, Interprète: Pablo Espinosa, Interprète: Mercedes Lambre, Interprète: Lodovica Comello, Interprète: Florencia Benitez, Interprète: Alba Rico, Interprète: Martina Stoessel, Interprète: Diego Ramos, Interprète: Nicolas Garnier, Interprète: Simone Lijoi, Interprète: Gonzalo Martinez, Interprète: Esther Ramos, Interprète: Iara Munoz, Interprète: Damian Trabada, Interprète: Joaquin Mendez, Interprète: Milagros CeballosRéalisateur: Lucas Gil, Réalisateur: Martin Saban, Réalisateur: Jorge Nisco, Interprète: Clara Alonso, Interprète: Facundo Gambande, Interprète: Jorge Blanco, Interprète: Candelaria Molfese, Interprète: Nicolas Garnier, Interprète: Mercedes Lambre, Interprète: Lodovica Comello, Interprète: Florencia Benitez, Interprète: Alba Rico, Interprète: Martina Stoessel, Interprète: Diego Ramos, Interprète: Pablo Espinosa, Interprète: Simone Lijoi, Interprète: Esther Ramos, Interprète: Damian Trabada, Interprète: Joaquin Mendez, Interprète: Milagros Ceballos, Interprète: Iara Munoz, Interprète: Gonzalo Martinez</t>
  </si>
  <si>
    <t>À la fête d’anniversaire de Francesca, les quiproquos s’accumulent : à l’instigation de Ludmila, Andrés, déguisé avec le costume de Tomas, fait mine d’embrasser la jeune fille, sous les yeux horrifiés de Violetta.</t>
  </si>
  <si>
    <t>FJ67379-TX</t>
  </si>
  <si>
    <t>05/11/2020</t>
  </si>
  <si>
    <t>jeudi</t>
  </si>
  <si>
    <t>Les secrets du château McPicsou !</t>
  </si>
  <si>
    <t>En visite dans le château de ses ancêtres, Picsou essaie de convaincre son père de lui donner un ancien trésor de famille.</t>
  </si>
  <si>
    <t>FR63804-HDTX</t>
  </si>
  <si>
    <t>Danse avec les zombies / Juste à temps</t>
  </si>
  <si>
    <t>Gilbert essaie d'enseigner un sort à Sadie qui n'arrive pas à sa concentrer. Elle écoute de la musique sur son téléphone et improvise totalement, à la grande frustration de Gilbert. Les deux amis se disputent à cause du téléphone qui finit par tomber dans la potion. / Le cours de physique est interminable et Teepee encourage Sadie à lancer un sort à l'horloge de la classe. Le temps s'accélère et soudain le cours est terminé. Malheureusement, le sort de Sadie semble avoir touché l'école tout entière et le temps continue à accélérer.</t>
  </si>
  <si>
    <t>FR61488-HDTX</t>
  </si>
  <si>
    <t>Le concours de mascottes / Comme un gant</t>
  </si>
  <si>
    <t>Val demande l'organisation d'une compétition de mascottes, car elle pense que son carlin Prince ferait une bien meilleure mascotte que Gilbert. Ce dernier est inquiet parce qu'il pourrait perdre son accès privilégié à l'école de Sadie. / Sadie reçoit un gant magique qui peut changer les portes ordinaires en portails vers une autre pièce ou un autre lieu. La jeune fille et ses amis en profitent pour faire une partie de cache-cache épique dans l'école.</t>
  </si>
  <si>
    <t>FR77818-HDTX</t>
  </si>
  <si>
    <t>Amies d'outre-tombe</t>
  </si>
  <si>
    <t>Le comte Dracula fait toujours partie du Conseil des vampires, mais en son absence, il a réussi à exploiter la technologie des boules de cristal pour surveiller Mavis à l'Hôtel Transylvania.</t>
  </si>
  <si>
    <t>FR75328-HDTX</t>
  </si>
  <si>
    <t>Défonce-panier</t>
  </si>
  <si>
    <t>Maintenant qu'elle a eu sa Fangceañera et qu'elle a reçu sa cape, Mavis est en passe de devenir une force avec laquelle il faut compter dans le monde souterrain.</t>
  </si>
  <si>
    <t>FR75329-HDTX</t>
  </si>
  <si>
    <t>Beaux-parents monstrueux</t>
  </si>
  <si>
    <t>Mavis convainc Pedro et Wendy de mieux connaître leur beau parent respectif, mais la chose tourne mal quand Wendy refuse de reprendre de l'infâme rôti de bœuf bourguignol de Shonda.</t>
  </si>
  <si>
    <t>FR75330-HDTX</t>
  </si>
  <si>
    <t>Visite inattendue</t>
  </si>
  <si>
    <t>Réalisateur: Robbie Countryman, Interprète: Miranda May, Interprète: Mason Patrick Mahay, Interprète: Cameron Boyce, Interprète: Nina Lu, Interprète: Skai Jackson, Interprète: Nathan Arenas, Interprète: Karan Brar, Interprète: Emma Shannon, Interprète: Lincoln Autumn Bertman, Interprète: Peyton List, Interprète: Tessa Netting, Interprète: Kevin QuinnInterprète: Nina Lu, Interprète: Nathan Arenas, Interprète: Karan Brar, Interprète: Peyton List, Interprète: Kevin Quinn, Interprète: Miranda May, Interprète: Skai Jackson</t>
  </si>
  <si>
    <t>Luke arrive au camp et décide d'entraîner Griff et Zuri dans une aventure pour prouver qu'il est aussi responsable que n'importe quel moniteur.</t>
  </si>
  <si>
    <t>FR29058-HDTX</t>
  </si>
  <si>
    <t>La Reine de la Peur</t>
  </si>
  <si>
    <t>Réalisateur: Robbie Countryman, Interprète: Nathan Arenas, Interprète: Karan Brar, Interprète: Peyton List, Interprète: Kevin Quinn, Interprète: Miranda May, Interprète: Skai Jackson, Interprète: Paula Rhodes, Interprète: Nina LuInterprète: Nina Lu, Interprète: Nathan Arenas, Interprète: Karan Brar, Interprète: Peyton List, Interprète: Kevin Quinn, Interprète: Miranda May, Interprète: Skai Jackson</t>
  </si>
  <si>
    <t>Jorge participe à un concours d'écriture de nouvelles d'horreur et gagne un déjeuner avec sa romancière préférée, Stéphanie Queen. De son côté, Xander doit jouer les arbitres entre Emma et Ravi.</t>
  </si>
  <si>
    <t>FR29059-HDTX</t>
  </si>
  <si>
    <t>Amitiés Contrariées/ La Recrue/ Accro mais pas trop</t>
  </si>
  <si>
    <t>Lola va se faire interviewer suite à un exposé sur le recyclage qu'elle a réalisé. Mais les Guanos s'en prennent à Capuche et Paf avec des détritus. / Pour un concours de talents d'animaux, Victor montre les talents de danseur de Tank grâce à sa boite à rythme. Les Guanos constatant que Capuche est attiré par la musique, vont s'emparer de l'objet. / Lola et son papa construisent une cabane mais cette dernière gênent les Guanos qui ne peuvent plus regarder la TV chez Lola.</t>
  </si>
  <si>
    <t>FR83007-HDTX</t>
  </si>
  <si>
    <t>A Travers / Le Malbouffe-inateur</t>
  </si>
  <si>
    <t>Réalisateur: Robert F Hughes, Réalisateur: Dan Povenmire, Réalisateur: Jay Lender, Réalisateur: Zac Moncrief, Interprète: Bowling For SoupRéalisateur: Dan Povenmire, Interprète: Bowling For Soup</t>
  </si>
  <si>
    <t>Phinéas et Ferb inventent un système leur permettant de passer à travers toutes les choses. / Phinéas et Ferb aident Candice à organiser le mariage de leur tante...</t>
  </si>
  <si>
    <t>FR50617-HDTX</t>
  </si>
  <si>
    <t>Cliptastic</t>
  </si>
  <si>
    <t>Doofenschmirtz et Monogramme animent une émission qui présente les dix meilleurs vidéo-clips musicaux de la saison 1 de Phinéas et Ferb...</t>
  </si>
  <si>
    <t>FR50604-HDTX</t>
  </si>
  <si>
    <t>Les Green à Big City S2 Ep 43</t>
  </si>
  <si>
    <t>FR86303-HDTX</t>
  </si>
  <si>
    <t>Le boulet de la réconciliation / Sortie en boîte</t>
  </si>
  <si>
    <t>Chip Whistler revient se venger des Green mais il est forcé de s'excuser. Andromeda et Tilly suivent Gloria en boîte de nuit où elles doivent "soigner" son amnésie.</t>
  </si>
  <si>
    <t>FR70938-HDTX</t>
  </si>
  <si>
    <t>La relève de la Garde</t>
  </si>
  <si>
    <t>63</t>
  </si>
  <si>
    <t>Elena aide sa couturière à devenir la première femme à entrer dans la Garde Royale.</t>
  </si>
  <si>
    <t>FR71261-HDTX</t>
  </si>
  <si>
    <t>Le Roi Skylar</t>
  </si>
  <si>
    <t>64</t>
  </si>
  <si>
    <t>Lorsque le roi Verago tombe malade, il désigne Skylar pour le remplacer pendant une journée.</t>
  </si>
  <si>
    <t>FR71262-HDTX</t>
  </si>
  <si>
    <t>Les Pyjamasques et Tatouro’Tom / Bibou invisible</t>
  </si>
  <si>
    <t>Quand les Pyjamasques découvrent que l’école a été saccagée, ils font vite le lien avec celui qui fait des dégâts dans toute la ville. Il s’agit de Tatouro’Tom, un nouveau héros, mi-tatou, mi-garçon, qui ne maîtrise pas encore ses pouvoirs mais qui se prend très au sérieux. Les Pyjamasques lui proposent de l’aider, mais Tatouro’Tom, vexé, se retourne contre eux/ Roméo a inventé un rayon lui permettant de devenir invisible pour faire encore plus de bêtises. Mais par mégarde c'est Bibou qu'il rend invisible ! Yoyo et Gluglu doivent se débrouiller sans elle pour contrer les plans de Roméo.</t>
  </si>
  <si>
    <t>FR43084-HDTX</t>
  </si>
  <si>
    <t>La montagne des Farfeloups/Les Pyjamasques et le cristal de lune</t>
  </si>
  <si>
    <t>Alors que les Pyjamasques veulent partager la montagne mystérieuse, les Farfeloups décident de s'en emparer ! Mais Ninjaka s'en mêle et compte bien les en empêcher. Quand la montagne réagit en voulant se défendre, les Pyjamasques viennent à leur secours/ Un cambriolage a eu lieu au Q.G. des Pyjamasques: le cristal de lune a disparu! Roméo s’en est emparé, afin d’augmenter ses pouvoirs. N’arrivant pas à s’en servir, il le confie à Robot, qui se voit déjà en maître du monde. Sorceline s'en mêle et nos Pyjamasques doivent redoubler d'astuce pour régler tous ces tracas !</t>
  </si>
  <si>
    <t>FR43085-HDTX</t>
  </si>
  <si>
    <t>Le concours de cuisine</t>
  </si>
  <si>
    <t>Réalisateur: Ben DeJesus, Interprète: Kevin Quinn, Interprète: Miranda May, Interprète: Casey Campbell, Interprète: Nina Lu, Interprète: Skai Jackson, Interprète: Karan Brar, Interprète: Nathan Arenas, Interprète: Peyton ListInterprète: Nina Lu, Interprète: Nathan Arenas, Interprète: Karan Brar, Interprète: Peyton List, Interprète: Kevin Quinn, Interprète: Miranda May, Interprète: Skai Jackson</t>
  </si>
  <si>
    <t>Quand Murphy défie les enfants de cuisiner le repas du camp, une compétition commence entre les campeurs.</t>
  </si>
  <si>
    <t>FR29069-HDTX</t>
  </si>
  <si>
    <t>Pirodor, le retour !</t>
  </si>
  <si>
    <t>Interprète: Kevin Quinn, Interprète: Peyton List, Interprète: Miranda May, Interprète: Nina Lu, Interprète: Skai Jackson, Interprète: Karan Brar, Interprète: Nathan ArenasInterprète: Nina Lu, Interprète: Nathan Arenas, Interprète: Karan Brar, Interprète: Peyton List, Interprète: Kevin Quinn, Interprète: Miranda May, Interprète: Skai Jackson</t>
  </si>
  <si>
    <t>Quand la mère de Tiffany vient lui rendre visite, Tiffany et les marmottes essaient de lui faire croire que le camp Kikiwaka est un camp de vacances pour génies.</t>
  </si>
  <si>
    <t>FR29070-HDTX</t>
  </si>
  <si>
    <t>La patinoire</t>
  </si>
  <si>
    <t>Cooper et Cami apprennent que leur patinoire préférée va être vendue et démolie. Jenna demande l'aide de Charlotte et Oliver pour vendre une maison.</t>
  </si>
  <si>
    <t>FR58815-HDTX</t>
  </si>
  <si>
    <t>Escape Game</t>
  </si>
  <si>
    <t>Cooper utilise un escape game pour forcer Cami et Fred à régler leurs problèmes.</t>
  </si>
  <si>
    <t>FR58816-HDTX</t>
  </si>
  <si>
    <t>Episode 49</t>
  </si>
  <si>
    <t>49</t>
  </si>
  <si>
    <t>Réalisateur: Lucas Gil, Réalisateur: Jorge Nisco, Réalisateur: Martin Saban, Interprète: Clara Alonso, Interprète: Facundo Gambande, Interprète: Pablo Espinosa, Interprète: Simone Lijoi, Interprète: Mercedes Lambre, Interprète: Lodovica Comello, Interprète: Florencia Benitez, Interprète: Alba Rico, Interprète: Martina Stoessel, Interprète: Jorge Blanco, Interprète: Candelaria Molfese, Interprète: Diego Ramos, Interprète: Nicolas Garnier, Interprète: Esther Ramos, Interprète: Iara Munoz, Interprète: Joaquin Mendez, Interprète: Milagros Ceballos, Interprète: Damian Trabada, Interprète: Gonzalo MartinezRéalisateur: Lucas Gil, Réalisateur: Martin Saban, Réalisateur: Jorge Nisco, Interprète: Clara Alonso, Interprète: Facundo Gambande, Interprète: Jorge Blanco, Interprète: Candelaria Molfese, Interprète: Nicolas Garnier, Interprète: Mercedes Lambre, Interprète: Lodovica Comello, Interprète: Florencia Benitez, Interprète: Alba Rico, Interprète: Martina Stoessel, Interprète: Diego Ramos, Interprète: Pablo Espinosa, Interprète: Simone Lijoi, Interprète: Esther Ramos, Interprète: Damian Trabada, Interprète: Joaquin Mendez, Interprète: Milagros Ceballos, Interprète: Iara Munoz, Interprète: Gonzalo Martinez</t>
  </si>
  <si>
    <t>Léon confirme à Violetta qu'il en a assez de cette relation trop compliquée. Ludmila continue à enfoncer Violetta aux yeux de Tomas, en lui affirmant qu'elle n'est pour rien dans les quiproquos du bal costumé.</t>
  </si>
  <si>
    <t>FJ67385-TX</t>
  </si>
  <si>
    <t>06/11/2020</t>
  </si>
  <si>
    <t>vendredi</t>
  </si>
  <si>
    <t>Soirée jeu !</t>
  </si>
  <si>
    <t>Réalisateur: Francisco Angones, Réalisateur: Matt YoungbergRéalisateur: Matt Youngberg, Réalisateur: Francisco Angones</t>
  </si>
  <si>
    <t>La soirée jeu en famille qui s'annonçait tranquille tourne au cauchemar, toute la famille devra affronter des rayons rétrécisseurs, une civilisation secrète et Picsou lancé dans une compétition déloyale pour gagner.</t>
  </si>
  <si>
    <t>FR62621-HDTX</t>
  </si>
  <si>
    <t>L'esprit d'un magicien</t>
  </si>
  <si>
    <t>66</t>
  </si>
  <si>
    <t>Mateo et Elena tentent de délivrer le grand-père de Mateo qui est enfermé dans un livre magique.</t>
  </si>
  <si>
    <t>FR71264-HDTX</t>
  </si>
  <si>
    <t>Sadie la diva / Les chaussures de Lulu</t>
  </si>
  <si>
    <t>Lorsque Vincent met au défi Sadie et Blaine de préparer un sort d'amplification complexe, Blaine décide d'avoir recours à une technique déloyale pour prendre l'avantage sur sa rivale. Il lui lance alors un sort de diva qui lui offre un talent musical énorme accompagné d'un caractère ultra capricieux. Comment faire pour retrouver la vraie Sadie? / Les élèves sont réunis dans le gymnase pour participer à un atelier sur le " langage corporel" . Pour aider Lulu, qui a beaucoup de mal à danser, Sadie jète un sort à ses chaussures.</t>
  </si>
  <si>
    <t>FR61474-HDTX</t>
  </si>
  <si>
    <t>La flortilège d'invisibilité / Les chaussures de Lulu</t>
  </si>
  <si>
    <t>L'école a organisé une sortie nature dans la forêt pour la classe de Sadie.Malheureusement, son sens de l'orientation lui joue des tours et voilà que le petit groupe s'égare. Forcés de passer la nuit dehors dans un camp de fortune non loin d'une grotte. Mais la grotte mène vers le royaume magique. / Tandis que Gilbert se prépare avec anxiété à affronter les Anciens à l'occasion de son évaluation annuelle, une lapine arrive dans la maison des Sparks et s'intéresse d'un peu trop près à Gilbert...</t>
  </si>
  <si>
    <t>FR61490-HDTX</t>
  </si>
  <si>
    <t>Qui connaît le mieux Mavis ?</t>
  </si>
  <si>
    <t>Mavis est malade et Wendy, Sophie et Charlotte se précipitent à son chevet. Hank et Pedro arrivent à transformer cette cohue en un concours dont le premier prix est l'amitié de Mavis.</t>
  </si>
  <si>
    <t>FR75331-HDTX</t>
  </si>
  <si>
    <t>Les horreurs boréales</t>
  </si>
  <si>
    <t>De toute sa vie d'outre-tombe, jamais Oncle Eugène ne se verra offrir deux fois un cadeau pareil!</t>
  </si>
  <si>
    <t>FR75332-HDTX</t>
  </si>
  <si>
    <t>Horreurs immobilières</t>
  </si>
  <si>
    <t>Maggie, l'écrivaine-fantôme, devenue agente immobilière qui sait en mettre plein la vue, reviens à l'hôtel Transylvanie… pour le vendre! Mavis et ses amis doivent tout faire pour l'arrêter.</t>
  </si>
  <si>
    <t>FR75333-HDTX</t>
  </si>
  <si>
    <t>La cabane de la terreur</t>
  </si>
  <si>
    <t>Réalisateur: Bob Koherr, Interprète: Miranda May, Interprète: Skai Jackson, Interprète: Nina Lu, Interprète: Nathan Arenas, Interprète: Karan Brar, Interprète: Peyton List, Interprète: Kevin Quinn, Interprète: Lily Mae SilversteinInterprète: Nina Lu, Interprète: Nathan Arenas, Interprète: Karan Brar, Interprète: Peyton List, Interprète: Kevin Quinn, Interprète: Miranda May, Interprète: Skai Jackson</t>
  </si>
  <si>
    <t>Zuri, Jorge et Tiffany découvrent une cabane abandonnée dans un arbre et la réparent pour en faire leur point de rencontre. Emma et Lou affrontent Ravi et Xander dans un concours "filles contre garçons".</t>
  </si>
  <si>
    <t>FR29061-HDTX</t>
  </si>
  <si>
    <t>Ouvrir son cœur</t>
  </si>
  <si>
    <t>Réalisateur: Bob Koherr, Interprète: Skai Jackson, Interprète: Karan Brar, Interprète: Nina Lu, Interprète: Nathan Arenas, Interprète: Kevin Quinn, Interprète: Peyton List, Interprète: Lincoln Melcher, Interprète: Miranda MayInterprète: Nina Lu, Interprète: Nathan Arenas, Interprète: Karan Brar, Interprète: Peyton List, Interprète: Kevin Quinn, Interprète: Miranda May, Interprète: Skai Jackson</t>
  </si>
  <si>
    <t>Zuri aide Xander à tourner une vidéo musicale dans l'espoir de faire de lui une star des réseaux sociaux. Ravi et Lou veulent faire quelque chose de gentil pour Griff.</t>
  </si>
  <si>
    <t>FR29060-HDTX</t>
  </si>
  <si>
    <t>Numeric</t>
  </si>
  <si>
    <t>Vincent Asa est fan de la rockstar Jagged Stone. Akumatisé par Le Papillon, il devient Numeric et compte capturer l’image de son idole pour toujours. Ladybug et Chat Noir devront faire attention à ne pas se faire flasher !</t>
  </si>
  <si>
    <t>PG19209-TX</t>
  </si>
  <si>
    <t>Guitar Vilain</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La course de caisse à savon / Westermites / Chaton à croquer</t>
  </si>
  <si>
    <t>Lola et Victor font une course. Le vainqueur remportera la coupe que le papa de Lola a gagné dans sa jeunesse. Mais Marcel, attiré par la coupe, va s'immiscer dans la course. / Lola retrouve un vieux cheval à bascule qui contient des termites. Alors qu'elle va chercher du produit avec son père, Paf va devoir protéger le cheval fragile de Capuche et des Guanos. / Capuche a été choisi pour être l'égérie d'une marque de croquettes mais les Guanos sont jaloux et vont tout faire pour lui voler la vedette. Paf va devoir intervenir.</t>
  </si>
  <si>
    <t>FR83008-HDTX</t>
  </si>
  <si>
    <t>Le détecteur de vérité / Commando démasquage</t>
  </si>
  <si>
    <t>Réalisateur: Jay Lender, Réalisateur: Dan Povenmire, Réalisateur: Zac Moncrief, Interprète: Bowling For SoupRéalisateur: Dan Povenmire, Interprète: Bowling For Soup</t>
  </si>
  <si>
    <t>Irving veut convaincre son grand frère Albert de l’existence de Phinéas et Ferb mais quand il arrive chez eux, il ne trouve que Buford et Baljeet. / Candice entraîne ses copines Stacy et Jenny à une opération commando de démasquage de ses frères...</t>
  </si>
  <si>
    <t>FR50621-HDTX</t>
  </si>
  <si>
    <t>Mademoiselle le Maire / La citronnade</t>
  </si>
  <si>
    <t>Candice a remporté un concours dont la récompense est de devenir maire de Danville pour une journée. / Stacy ne supporte plus que Candice fasse passer son obsession de démasquer ses frères avant leur amitié et c’est la rupture.</t>
  </si>
  <si>
    <t>FR50624-HDTX</t>
  </si>
  <si>
    <t>Syren</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LÉNA, RÊVE D'ÉTOILE</t>
  </si>
  <si>
    <t>Agent double</t>
  </si>
  <si>
    <t>74</t>
  </si>
  <si>
    <t>Réalisateur: Robert Burke, Réalisateur: Ronan Burke, Interprète: Jake Swift, Interprète: Terique Jarrett, Interprète: Castle Rock, Interprète: Eubha Akilade, Interprète: Jessica LordInterprète: Jessica Lord, Interprète: Eubha Akilade, Interprète: Jake Swift, Interprète: Terique Jarrett, Interprète: Castle Rock</t>
  </si>
  <si>
    <t>Nico forme les Héritiers en vue de leur prochaine bataille avec le Bureau. Léna, Henri et Frank apprennent à utiliser le pouvoir spécial que possède chacun de leurs pendentifs. Jeff attend une réponse après avoir envoyé sa vidéo à Zack, le producteur de hip-hop. De son côté, Isaac est de plus en plus contrarié d’être le seul à prendre au sérieux les répétitions pour les auditions et avertit le talentueux Nico de ne pas auditionner s'il n'est pas plus motivé. Bien qu’il l’ait sauvée des griffes du Bureau, Romy n’est toujours pas certaine de pouvoir faire confiance à Nico.</t>
  </si>
  <si>
    <t>FR87036-HDTX</t>
  </si>
  <si>
    <t>Souvenirs</t>
  </si>
  <si>
    <t>Réalisateur: Robert Burke, Réalisateur: Ronan Burke, Interprète: Eubha Akilade, Interprète: Jessica Lord, Interprète: Jake Swift, Interprète: Terique Jarrett, Interprète: Castle RockInterprète: Jessica Lord, Interprète: Eubha Akilade, Interprète: Jake Swift, Interprète: Terique Jarrett, Interprète: Castle Rock</t>
  </si>
  <si>
    <t>Les auditions pour intégrer la Compagnie ayant lieu le lendemain, Armando demande aux élèves de Première Division de se reposer, et de ne pas danser. Il leur ordonne même de ne pas penser à la danse, ce qui est plus facile à dire qu’à faire pour des aspirants danseurs de l’Opéra de Paris. Léna a une idée : à chaque fois que quelqu'un dansera ou pensera à la danse, il devra mettre de l’argent dans un pot commun. Le groupe se remémore au passage différents souvenirs : ils pensent à toutes les personnes qui leur sont venues en aide et leur ont permis d’en arriver là.</t>
  </si>
  <si>
    <t>FR87037-HDTX</t>
  </si>
  <si>
    <t>Le concours</t>
  </si>
  <si>
    <t>C’est le grand jour pour les élèves - celui qu’ils préparent depuis si longtemps : les auditions pour intégrer la Compagnie ! C’est aussi un grand jour pour Romy et Simon, qui passent tous deux les auditions pour intégrer l’École de danse de l’Opéra national de Paris. Zack, le producteur de Los Angeles à qui Jeff a envoyé une démo de hip-hop, est à Paris, ce qui pourrait être bon signe pour Jeff, mais pas forcément pour ses amis. Bien que Nico ait promis à Léna de revenir à temps pour passer les auditions, il est toujours absent, et les Héritiers se posent de plus en plus de questions.</t>
  </si>
  <si>
    <t>FR87038-HDTX</t>
  </si>
  <si>
    <t>Compétition pas très amicale</t>
  </si>
  <si>
    <t>Interprète: Skai Jackson, Interprète: Karan Brar, Interprète: Nina Lu, Interprète: Nathan Arenas, Interprète: Kevin Quinn, Interprète: Peyton List, Interprète: Miranda MayInterprète: Nina Lu, Interprète: Nathan Arenas, Interprète: Karan Brar, Interprète: Peyton List, Interprète: Kevin Quinn, Interprète: Miranda May, Interprète: Skai Jackson</t>
  </si>
  <si>
    <t>Les Marmottes, les Grizzlis et les Fouines concourrent pour le titre annuel de "Cabane de l'année".</t>
  </si>
  <si>
    <t>FR34102-HDTX</t>
  </si>
  <si>
    <t>Du rêve à la réalité</t>
  </si>
  <si>
    <t>Interprète: Nathan Arenas, Interprète: Kevin Quinn, Interprète: Peyton List, Interprète: Miranda May, Interprète: Nina Lu, Interprète: Skai Jackson, Interprète: Karan BrarInterprète: Nina Lu, Interprète: Nathan Arenas, Interprète: Karan Brar, Interprète: Peyton List, Interprète: Kevin Quinn, Interprète: Miranda May, Interprète: Skai Jackson</t>
  </si>
  <si>
    <t>La fin des vacances approche et Griff reçoit une nouvelle inespérée concernant la fin de sa détention.</t>
  </si>
  <si>
    <t>FR34103-HDTX</t>
  </si>
  <si>
    <t>Le Bowl-luge</t>
  </si>
  <si>
    <t>Quand Charlotte refuse de participer à la course de Bowl-luge annuelle pour passer du temps avec ses amies, Cami décide de saboter sa journée.</t>
  </si>
  <si>
    <t>FR58817-HDTX</t>
  </si>
  <si>
    <t>Message codé</t>
  </si>
  <si>
    <t>Cooper et Fred essaient de décoder le SMS de Peyton dans l'espoir de savoir si elle aime toujours Cooper. Cami est fâchée contre le principal Walker.</t>
  </si>
  <si>
    <t>FR58798-HDTX</t>
  </si>
  <si>
    <t>Episode 50</t>
  </si>
  <si>
    <t>Réalisateur: Jorge Nisco, Réalisateur: Lucas Gil, Réalisateur: Martin Saban, Interprète: Martina Stoessel, Interprète: Facundo Gambande, Interprète: Pablo Espinosa, Interprète: Simone Lijoi, Interprète: Mercedes Lambre, Interprète: Lodovica Comello, Interprète: Florencia Benitez, Interprète: Alba Rico, Interprète: Clara Alonso, Interprète: Jorge Blanco, Interprète: Candelaria Molfese, Interprète: Diego Ramos, Interprète: Nicolas Garnier, Interprète: Joaquin Mendez, Interprète: Damian Trabada, Interprète: Gonzalo Martinez, Interprète: Esther Ramos, Interprète: Milagros Ceballos, Interprète: Iara MunozRéalisateur: Lucas Gil, Réalisateur: Martin Saban, Réalisateur: Jorge Nisco, Interprète: Clara Alonso, Interprète: Facundo Gambande, Interprète: Jorge Blanco, Interprète: Candelaria Molfese, Interprète: Nicolas Garnier, Interprète: Mercedes Lambre, Interprète: Lodovica Comello, Interprète: Florencia Benitez, Interprète: Alba Rico, Interprète: Martina Stoessel, Interprète: Diego Ramos, Interprète: Pablo Espinosa, Interprète: Simone Lijoi, Interprète: Esther Ramos, Interprète: Damian Trabada, Interprète: Joaquin Mendez, Interprète: Milagros Ceballos, Interprète: Iara Munoz, Interprète: Gonzalo Martinez</t>
  </si>
  <si>
    <t>Le détective privé engagé par Jade et Matias a découvert le secret d'Angie, mais il est également au courant que la compagne de German et son frère n'ont plus d'argent. Matias, pour pouvoir payer le détective, veut dérober un des tableaux de German.</t>
  </si>
  <si>
    <t>44min</t>
  </si>
  <si>
    <t>FJ67386-TX</t>
  </si>
  <si>
    <t>DJFR</t>
  </si>
  <si>
    <t>LA MAISON DE MICKEY</t>
  </si>
  <si>
    <t>Casse-tête pour super Dingo</t>
  </si>
  <si>
    <t>82</t>
  </si>
  <si>
    <t>Réalisateur: Sherie Pollack, Réalisateur: Rob LaDuca, Interprète: They Might Be GiantsRéalisateur: Rob LaDuca, Réalisateur: Sherie Pollack, Interprète: They Might Be Giants</t>
  </si>
  <si>
    <t>Super Pat met au défi Mickey et ses amis de résoudre plusieurs énigmes. Une aubaine que Super Dingo soit là !</t>
  </si>
  <si>
    <t>2005</t>
  </si>
  <si>
    <t>FR31294-HDTX</t>
  </si>
  <si>
    <t>06:30:00</t>
  </si>
  <si>
    <t>La gare de Mickey</t>
  </si>
  <si>
    <t>83</t>
  </si>
  <si>
    <t>Aujourd'hui, Mickey et les autres vont devoir chercher leurs amis grâce au Tchou-Tchou train pour assister à la grande fête de la Bingo-Dingo Neige éternelle...</t>
  </si>
  <si>
    <t>FR31296-HDTX</t>
  </si>
  <si>
    <t>GIGANTOSAURUS</t>
  </si>
  <si>
    <t>La pierre flottante / Une lumière au bout de l'orage</t>
  </si>
  <si>
    <t>Réalisateur: Olivier LelardouxRéalisateur: Olivier Lelardoux</t>
  </si>
  <si>
    <t>Mazu et Rocky s’affrontent sur un terrain : la réflexion vs l’action. Quand Termy retient prisonniers leurs amis, réclamant en échange de recevoir la mystérieuse « pierre flottante », ils n’ont pas le choix. Ils vont devoir s’associer pour les sauver ! / Bill n’est pas un leader-né. Il préfère volontiers laisser ce rôle à ses amis. Mais quand il se retrouve dans la brume, séparé d’eux, et seul avec Marsh, il n’a pas le choix. Il doit prendre des décisions pour les sortir de cette situation. Petit à petit, Bill prend sous son aile d’autres dinos perdus dans la brume...</t>
  </si>
  <si>
    <t>FR65954-HDTX</t>
  </si>
  <si>
    <t>07:30:00</t>
  </si>
  <si>
    <t>T.O.T.S.</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08:00:00</t>
  </si>
  <si>
    <t>BLUEY</t>
  </si>
  <si>
    <t>Bluey S1 Ep 9</t>
  </si>
  <si>
    <t>Réalisateur: Joe Brumm, Réalisateur: Richard JefferyRéalisateur: Joe Brumm, Réalisateur: Richard Jeffery</t>
  </si>
  <si>
    <t>Bluey est une petite chienne bouvier australien âgée de six ans et elle est inépuisable. Elle adore jouer et transforme la vie de famille en une aventure quotidienne en y mettant toute son imagination, son intelligence et sa ténacité physique et mentale.</t>
  </si>
  <si>
    <t>Australie</t>
  </si>
  <si>
    <t>FR79430-HDTX</t>
  </si>
  <si>
    <t>08:10:00</t>
  </si>
  <si>
    <t>Bluey S1 Ep 20</t>
  </si>
  <si>
    <t>6min</t>
  </si>
  <si>
    <t>FR79391-HDTX</t>
  </si>
  <si>
    <t>La Piscine</t>
  </si>
  <si>
    <t>Réalisateur: Richard Jeffery, Réalisateur: Joe BrummRéalisateur: Joe Brumm, Réalisateur: Richard Jeffery</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08:30:00</t>
  </si>
  <si>
    <t>Le Docteur / La Griffe / Le Marché</t>
  </si>
  <si>
    <t>La visite de Honey chez le Dr Bingo est sans arrêt interrompu. Maman et papa créent leur propre machine à griffe magique ! Bluey emmène avec elle l'argent que la petite souris lui a donné.</t>
  </si>
  <si>
    <t>FR79427-HDTX</t>
  </si>
  <si>
    <t>08:40:00</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Bluey S1 Ep 10</t>
  </si>
  <si>
    <t>FR79380-HDTX</t>
  </si>
  <si>
    <t>09:00:00</t>
  </si>
  <si>
    <t>LES AVENTURES DE MICKEY ET SES AMIS</t>
  </si>
  <si>
    <t>Des apprentis mécanos passionnés / Des invités très spéciaux à l'Hôtel du Roupillon !</t>
  </si>
  <si>
    <t>Pour la journée des Mini-Mécanos, le plus grand fan de Mickey est impatient d'entrer dans l'atelier ! / Les Bénévoles sont très occupées à prendre soin des animaux de compagnie en l'absence de leurs maîtres.</t>
  </si>
  <si>
    <t>FR83767-HDTX</t>
  </si>
  <si>
    <t>09:30:00</t>
  </si>
  <si>
    <t>Le Dingosaure / Les bénévoles à la maison du thé</t>
  </si>
  <si>
    <t>La visite de Tokyo tourne mal quand Dingo libère par accident un robot dinosaure dans les rues de la ville. Minnie emmène ses amies à participer à la traditionnelle cérémonie du thé Japonaise.</t>
  </si>
  <si>
    <t>FR82284-HDTX</t>
  </si>
  <si>
    <t>10:00:00</t>
  </si>
  <si>
    <t>ROCKETEER</t>
  </si>
  <si>
    <t>La maison hantée / Le cambriolage d'Halloween</t>
  </si>
  <si>
    <t>Kit se sert d'une maison hantée pour faire fuir Orsino alors qu'il tentait de voler le rocket-pack ! Kit regroupe des vaches qui se ruaient en ville, utilisées comme diversion pour un cambriolage d'Halloween !</t>
  </si>
  <si>
    <t>FR79566-HDTX</t>
  </si>
  <si>
    <t>10:30:00</t>
  </si>
  <si>
    <t>Les Pyjamasques fêtent Halloween: P1/Les Pyjamasques fêtent Halloween: P2</t>
  </si>
  <si>
    <t>Le soir d’Halloween, Ninjaka, Sorceline et les Farfeloups jouent des tours aux enfants pour leur prendre leurs sacs de bonbons ! Les Pyjamasques font tout pour les en empêcher, tout en prenant garde à ce que leurs camarades de classe ne les reconnaissent pas... / Les Pyjamasques essaient d’empêcher les méchants de voler les friandises d’Halloween des autres enfants. Mais comme ils agissent discrètement, Cameron, déguisé en héros intergalactique, croit que c’est lui qui accomplit tous leurs actes de bravoure et que ce sont les Pyjamasques les voleurs !</t>
  </si>
  <si>
    <t>FR43094-HDTX</t>
  </si>
  <si>
    <t>11:00:00</t>
  </si>
  <si>
    <t>LA MAISON DE MICKEY : MICKEY ET LES MONSTRES EN FÊTE</t>
  </si>
  <si>
    <t>Réalisateur: Phil Weinstein</t>
  </si>
  <si>
    <t>Mickey et Minnie décident de faire un pique-nique, mais un orage les oblige à se réfugier dans le château hanté du Comte Mikula, où ils vont rencontrer de nombreux monstres gentils, amateurs de musique.</t>
  </si>
  <si>
    <t>FR32687-HDTX</t>
  </si>
  <si>
    <t>12:00:00</t>
  </si>
  <si>
    <t>12:30:00</t>
  </si>
  <si>
    <t>MICKEY ET SES AMIS - TOP DÉPART!</t>
  </si>
  <si>
    <t>Le bolide hanté / La fête d'Halloween de Pat</t>
  </si>
  <si>
    <t>Réalisateur: Broni Likomanov, Réalisateur: Phil WeinsteinRéalisateur: Phil Weinstein, Réalisateur: Broni Likomanov</t>
  </si>
  <si>
    <t>Le soir d'Halloween, Mickey veut faire la course contre le Pilote Fantôme aux commandes de son Bolide Hanté. / Les bénévoles aident Pat à attraper trois fantômes qui menacent de gâcher sa soirée d'Halloween.</t>
  </si>
  <si>
    <t>FR81079-HDTX</t>
  </si>
  <si>
    <t>VAMPIRINA</t>
  </si>
  <si>
    <t>La Nuit Hantée/Concours d’inventions</t>
  </si>
  <si>
    <t>Vampirina et ses parents invitent leurs amis de Transylvanie pour fêter leur premier Halloween en Pennsylvanie. / Pour un concours d’inventions, Vampirina tente de ramener une fleur à la vie.</t>
  </si>
  <si>
    <t>FR34601-HDTX</t>
  </si>
  <si>
    <t>LE MONDE DE BINGO ET ROLLY</t>
  </si>
  <si>
    <t>Retour au champ de citrouilles/Le Hurleur Hanté</t>
  </si>
  <si>
    <t>Réalisateur: Trevor WallRéalisateur: Trevor Wall</t>
  </si>
  <si>
    <t>Après avoir perdu son collier dans un champ de citrouilles, Bingo retourne le chercher avec Feuly et Rolly une fois la nuit tombée./Les chiots partent à la recherche du costume de leur petite voisine.</t>
  </si>
  <si>
    <t>FR36042-HDTX</t>
  </si>
  <si>
    <t>DOCTEUR LA PELUCHE</t>
  </si>
  <si>
    <t>Joyeux Halloween, Hallie! / Crocodile en péril</t>
  </si>
  <si>
    <t>Réalisateur: Brónagh O'Hanlon, Réalisateur: Chris Nee, Réalisateur: Dan NosellaRéalisateur: Chris Nee</t>
  </si>
  <si>
    <t>Le soir d'Halloween, Hallie se perd en allant admirer seule un déguisement de plus près. / Quand les billes du jeu des Crocos Gloutons se répandent dans tout le jardin, Doc et ses jouets tentent de les rattraper.</t>
  </si>
  <si>
    <t>FR31065-HDTX</t>
  </si>
  <si>
    <t>14:30:00</t>
  </si>
  <si>
    <t>PRINCESSE SOFIA</t>
  </si>
  <si>
    <t>Le Chaudronnement</t>
  </si>
  <si>
    <t>80</t>
  </si>
  <si>
    <t>Réalisateur: Jamie MitchellRéalisateur: Jamie Mitchell</t>
  </si>
  <si>
    <t>Invitée à la cérémonie de chaudronnement de Lucinda, Sofia doit veiller à ce que deux sorcières rivales ne gâchent pas la fête.</t>
  </si>
  <si>
    <t>FR30973-HDTX</t>
  </si>
  <si>
    <t>LES MUPPET BABIES</t>
  </si>
  <si>
    <t>Joyeux Halloween ! - Le conte horrible et terrifiant des Pancakes Hantés !</t>
  </si>
  <si>
    <t>Réalisateur: Guy MooreRéalisateur: Guy Moore</t>
  </si>
  <si>
    <t>Pour Halloween, Fozzie ne peut pas s'empêcher d'être drôle au lieu de faire peur / Quand Kermit ne veut pas goûter les pancakes de Nounou, Summer raconte une histoire d'Halloween.</t>
  </si>
  <si>
    <t>FR48217-HDTX</t>
  </si>
  <si>
    <t>LA GARDE DU ROI LION</t>
  </si>
  <si>
    <t>Attention au Zimwi</t>
  </si>
  <si>
    <t>Réalisateur: Howy ParkinsRéalisateur: Howy Parkins</t>
  </si>
  <si>
    <t>Quand une légende à propos d'une créature mystérieuse fait régner la terreur sur la Terre des Lions, la Garde doit surmonter sa peur et trouver cette bête qui leur échappe.</t>
  </si>
  <si>
    <t>FR30346-HDTX</t>
  </si>
  <si>
    <t>16:00:00</t>
  </si>
  <si>
    <t>Bluey S1 Ep 11</t>
  </si>
  <si>
    <t>FR79381-HDTX</t>
  </si>
  <si>
    <t>Bluey S1 Ep 12</t>
  </si>
  <si>
    <t>FR79382-HDTX</t>
  </si>
  <si>
    <t>16:20:00</t>
  </si>
  <si>
    <t>Les Pirates / La Disparition / Les Voisins</t>
  </si>
  <si>
    <t>Bluey et Bingo jouent aux pirates sur le hamac. Le jouet préféré de Bingo disparaît. Bluey ne sait pas comment gérer ses voisins bruyants.</t>
  </si>
  <si>
    <t>FR79386-HDTX</t>
  </si>
  <si>
    <t>16:30:00</t>
  </si>
  <si>
    <t>Le parfait Yodel / Surprise, surprise !</t>
  </si>
  <si>
    <t>Réalisateur: Spencer Laudiero, Réalisateur: Scott Bern</t>
  </si>
  <si>
    <t>Pour apprendre à Bob à chanter le Yodel, les chiots partent en mission dans les Alpes Suiises. C'est l'anniversaire de Bob, et sa sœur Bonnie agit étrangement…</t>
  </si>
  <si>
    <t>FR61661-HDTX</t>
  </si>
  <si>
    <t>17:00:00</t>
  </si>
  <si>
    <t>FANCY NANCY CLANCY</t>
  </si>
  <si>
    <t>Fancy Nancy Clancy S2 Ep 28</t>
  </si>
  <si>
    <t>Réalisateur: Jamie Mitchell, Réalisateur: Mircea ManttaRéalisateur: Mircea Mantta, Réalisateur: Jamie Mitchell</t>
  </si>
  <si>
    <t>Nancy Clancy, avec le soutien de sa famille et de ses amis, découvre tout ce que le quotidien ordinaire a d'extraordinaire et transforme le banal en expérience exquise !</t>
  </si>
  <si>
    <t>FR84170-HDTX</t>
  </si>
  <si>
    <t>17:30:00</t>
  </si>
  <si>
    <t>18:30:00</t>
  </si>
  <si>
    <t>L'aventure souterraine</t>
  </si>
  <si>
    <t>Kion, Kiara, Bunga, Tinfu et Zuri doivent traverser les tunnels d'un oryctérope pour échapper à un incendie.</t>
  </si>
  <si>
    <t>FR34180-HDTX</t>
  </si>
  <si>
    <t>Elfiland</t>
  </si>
  <si>
    <t>Réalisateur: Jamie Mitchell, Réalisateur: Larry LeichliterRéalisateur: Jamie Mitchell</t>
  </si>
  <si>
    <t>Sofia et Clovis tombent dans un trou au pied d'un arbre sacré et entrent dans l'univers magique d'Elfiland.</t>
  </si>
  <si>
    <t>FR30961-HDTX</t>
  </si>
  <si>
    <t>Le Tableau enchanté</t>
  </si>
  <si>
    <t>Réalisateur: Jamie Mitchell, Réalisateur: Larry Leichliter</t>
  </si>
  <si>
    <t>Sofia et Hildegard se retrouvent coincées dans un tableau enchanté. En prétendant être experte en tout, Hildegarde complique les choses.</t>
  </si>
  <si>
    <t>FR30628-HDTX</t>
  </si>
  <si>
    <t>20:30:00</t>
  </si>
  <si>
    <t>Gluglu et la flûte de Sorceline / Yoyo et le Commandant Miaou</t>
  </si>
  <si>
    <t>81</t>
  </si>
  <si>
    <t>Avec l'aide de Motsuki, les Papinuits infiltrent le QG. Gluglu ne veut pas admettre qu'il les a laissé entrer avant qu'il ne soit trop tard./Yoyo veut se prouver qu'il est un bon explorateur mais réalise qu'il doit faire passer son équipe et ses amis avant la découverte.</t>
  </si>
  <si>
    <t>FR84562-HDTX</t>
  </si>
  <si>
    <t>Les Pyjamasques et la disparition de Sorceline / Gluglu, entraîneur de Ninjazouaves</t>
  </si>
  <si>
    <t>Les Pyjamasques aident Motsuki à retrouver Luna mais n'entendent pas les avertissements des Papinuits qui tentent de les prévenir que Ninjaka prépare un mauvais tour./ Quand les Ninjazouaves perdent soudainement leurs pouvoirs, les Pyjamasques tentent de leur apprendre des techniques de héros mais il semble difficile de garder leur attention.</t>
  </si>
  <si>
    <t>FR84563-HDTX</t>
  </si>
  <si>
    <t>La tête dans les étoiles / Le triomphe de Tiny</t>
  </si>
  <si>
    <t>Mazu veut cartographier le ciel de nuit, et entraîne ses amis dans le canyon pour l’aider. Mais tout doit être fait comme elle le veut, et elle n’écoute pas ses copains qui veulent jouer ou sont fatigués. / Tiny veut jouer à « faire une exposition d’art », mais ses copains ne sont pas très réceptifs. Quand le volcan entre en éruption, les enfants n’ont pas d’autre choix que de se réfugier très loin, dans l’oasis. Et pour rentrer à la maison, ça va pas être coton...</t>
  </si>
  <si>
    <t>FR65962-HDTX</t>
  </si>
  <si>
    <t>Giganto au frigo / Trésor !</t>
  </si>
  <si>
    <t>Bill en assez de Giganto, qui lui fait peur, casse tout sur son passage, et ne dit pas merci. Il aimerait ne plus le voir ! Mais attention à ce que vous souhaitez… Giganto semble soudain avoir disparu de Crétacia ! En son absence, les choses tournent mal... / Tiny, Bill, Rocky et Mazu trouvent un étrange caillou, lisse et luisant : un morceau d’ambre. C’est joli ! Chacun a envie de le posséder : Tiny pour sa dernière œuvre d’art, Mazu pour sa dernière invention, etc. Ce qui commence comme une petite compétition devient rapidement une course au trésor. Tout Crétacia veut posséder l’ambre !!</t>
  </si>
  <si>
    <t>FR65963-HDTX</t>
  </si>
  <si>
    <t>22:30:00</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i>
    <t>Invisi-Bill / Patchy voit clair</t>
  </si>
  <si>
    <t>Bill n’est pas doué à cache-cache. Pour lui faire plaisir, ses amis prétendent qu’il est invisible. Bill est trop content : s’il est invisible, il a le courage de devenir un justicier pour les petits dinos de Crétacia ! Et il file avec son nouveau « pouvoir ». Mais ça pourrait mal tourner... / Quand Patchy semble avoir du mal à repérer les obstacles sur sa route, Mazu lui invente… une paire de lunettes rudimentaires. Mais Patchy n’en veut pas. Mazu insiste : ça l’aiderait vraiment ! Mais il s’enfuit et Mazu ne comprend pas où est le problème. Ses lunettes sont pourtant très bien !</t>
  </si>
  <si>
    <t>FR72406-HDTX</t>
  </si>
  <si>
    <t>23:30:00</t>
  </si>
  <si>
    <t>Les Farfeloups volants / Gluglu et les voleurs de lézard</t>
  </si>
  <si>
    <t>Les Farfeloups défient les Pyjamasques en prétendant posséder un nouveau pouvoir, mais ne font pas le poids face aux plumes envoyées par Bibou. Cela donne une idée à Loune : ramasser les plumes de Bibou pour fournir des ailes aux Farfeloups ! Loune a beau trouver son plan génial, elle n’est pas prête à le tester elle-même et préfère envoyer Tiloup et Scarloup en première ligne. / Des squelettes préhistoriques ont été volés au Musée et les Pyjamasques pensent que les Farfeloups tentent de reconstruire le Farfelo-saure, n'écoutant pas Lionel qui sait que Roméo est derrière tout cela.</t>
  </si>
  <si>
    <t>FR43089-HDTX</t>
  </si>
  <si>
    <t>LES NUITS DE Disney Junior France</t>
  </si>
  <si>
    <t>Bluey S1 Ep 31</t>
  </si>
  <si>
    <t>Bluey S1 Ep 14</t>
  </si>
  <si>
    <t>Bluey S1 Ep 15</t>
  </si>
  <si>
    <t>Bluey S1 Ep 17</t>
  </si>
  <si>
    <t>Bluey S1 Ep 18</t>
  </si>
  <si>
    <t>Bluey S1 Ep 23</t>
  </si>
  <si>
    <t>Bluey S1 Ep 24</t>
  </si>
  <si>
    <t>La statuette du Coq d'or</t>
  </si>
  <si>
    <t>84</t>
  </si>
  <si>
    <t>Réalisateur: Rob LaDuca, Réalisateur: Sherie Pollack, Interprète: They Might Be GiantsRéalisateur: Rob LaDuca, Réalisateur: Sherie Pollack, Interprète: They Might Be Giants</t>
  </si>
  <si>
    <t>Daisy l'Audace et Mickey recherchent les pièces du puzzle qui les conduiront à la statuette du Coq d'Or. Mais Safari Pat ne compte pas les laisser faire...</t>
  </si>
  <si>
    <t>FR31298-HDTX</t>
  </si>
  <si>
    <t>Le conte de Pluto</t>
  </si>
  <si>
    <t>85</t>
  </si>
  <si>
    <t>C'est le jour des histoires ! Tous nos amis écoutent un conte qui parle de la quête du Prince Pluto pour trouver la princesse Bella et de Pat l'enchanteur qui fait tout pour l'en empêcher.</t>
  </si>
  <si>
    <t>FR31300-HDTX</t>
  </si>
  <si>
    <t>Le jour le plus court / Mazu est toujours prête</t>
  </si>
  <si>
    <t>C’est le jour le plus court. Rocky, Mazu, et Bill font la tête : c’est nul ! Moins de lumière, moins de fun, moins de jeux ! Alors Tiny prend sur elle et leur montre que c'est un jour merveilleux. Et elle invite tout Crétacia (même Giganto, oui oui !) à une grande fête au Glacier. / Pendant que Mazu essaye par tous les moyens de se préparer à voir sa comète, tout le monde dans Crétacia semble avoir besoin de son aide… Même Giganto ! Est-ce qu’elle arrivera à temps pour observer la comète ? C’est maintenant à son tour d’avoir besoin d’aide !</t>
  </si>
  <si>
    <t>FR65955-HDTX</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FR79388-HDTX</t>
  </si>
  <si>
    <t>La Pince</t>
  </si>
  <si>
    <t>Bluey et Bingo n'ayant pu attraper des lots de la machine à Pince Magique, Papa et Maman créent leur propre version à la maison. Mais avec Papa, il n'est pas facile de gagner !</t>
  </si>
  <si>
    <t>FR79389-HDTX</t>
  </si>
  <si>
    <t>Bluey S1 Ep 7</t>
  </si>
  <si>
    <t>FR79428-HDTX</t>
  </si>
  <si>
    <t>Cache-cache</t>
  </si>
  <si>
    <t>Toute la famille joue à cache-cache. C'est à Bluey de chercher, elle compte jusqu'à vingt mais pourra-t'elle rester concentrée sur le jeu et ne pas se laisser distraire par tous ses jouets ?</t>
  </si>
  <si>
    <t>FR79415-HDTX</t>
  </si>
  <si>
    <t>FR79395-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Où est Mickey ? / Des Coucous à Hotdogville !</t>
  </si>
  <si>
    <t>La journée de Mickey commence mal est il doit s'en accommoder. Les cousins Parisiens de Coucou-Loulou lui rendent visite.</t>
  </si>
  <si>
    <t>FR82280-HDTX</t>
  </si>
  <si>
    <t>Le labo méli-mélo de Mickey / Concours de Bénévoles</t>
  </si>
  <si>
    <t>Après les manipulations de Tic et Tac sur le labo mobile de Mickey, tous les pilotes se retrouvent avec des bolides plutôt farfelus. Nettoyer les vitres devient l'objet d'une compétition acharnée entre Minnie et Daisy.</t>
  </si>
  <si>
    <t>FR82270-HDTX</t>
  </si>
  <si>
    <t>PYJAMASQUES: LES HÉROS DU CIEL</t>
  </si>
  <si>
    <t>Sorceline dérobe un service à thé ancien au musée mais les Pyjamasques la suivent. Bibou est très énervée par la méchanceté de Sorceline, mais quand celle-ci les appelle à l’aide, nos trois héros n’hésitent pas un seul instant.Bibou a du mal à faire équipe avec elle, mais lorsque Roméo dérobe le Pyja-cristal, elle est bien décidée à tout faire pour l’empêcher de s’emparer des pouvoirs des Pyjamasques.</t>
  </si>
  <si>
    <t>FR87785-HDTX</t>
  </si>
  <si>
    <t>L'arrivée du bébé</t>
  </si>
  <si>
    <t>91</t>
  </si>
  <si>
    <t>Réalisateur: Norton Virgien, Réalisateur: Chris NeeRéalisateur: Chris Nee</t>
  </si>
  <si>
    <t>Les parents reçoivent l'appel tant attendu : le bébé va naître !</t>
  </si>
  <si>
    <t>FR31128-HDTX</t>
  </si>
  <si>
    <t>Un prénom pour le bébé/Bonne nuit, Lala</t>
  </si>
  <si>
    <t>92</t>
  </si>
  <si>
    <t>Réalisateur: Dan Nosella, Réalisateur: Chris Nee, Réalisateur: Shane CollinsRéalisateur: Chris Nee</t>
  </si>
  <si>
    <t>Bébé La Peluche est arrivée, mais la famille ne lui a pas encore trouvé de prénom. /Lala, le nouveau jouet, a du mal à s'adapter à son nouveau foyer.</t>
  </si>
  <si>
    <t>FR31129-HDTX</t>
  </si>
  <si>
    <t>DOCTEUR LA PELUCHE : L’HÔPITAL DES JOUETS</t>
  </si>
  <si>
    <t>Première journée à l'École de médecine / Une blouse pour Toufy</t>
  </si>
  <si>
    <t>95</t>
  </si>
  <si>
    <t>Réalisateur: Dan Nosella, Réalisateur: Damien O'ConnorRéalisateur: Dan Nosella</t>
  </si>
  <si>
    <t>Cette journée chargée à l'hôpital montre aux jouets qu'ils ont besoin d'une formation pour assister Doc dans son travail. / Toufy tente de trouver sa place au sein de l'Hôpital des Jouets de Pelucheville.</t>
  </si>
  <si>
    <t>FR31282-HDTX</t>
  </si>
  <si>
    <t>Nuit de garde/Les rendez-vous de Chocotte</t>
  </si>
  <si>
    <t>96</t>
  </si>
  <si>
    <t>Réalisateur: Damien O'Connor, Réalisateur: Dan NosellaRéalisateur: Dan Nosella</t>
  </si>
  <si>
    <t>Pour sa première nuit de garde, Câline a la responsabilité de la pouponnière, mais elle ne parvient pas à endormir les bébés. / Chocotte s"accorde beaucoup de rendez-vous !</t>
  </si>
  <si>
    <t>FR31284-HDTX</t>
  </si>
  <si>
    <t>Une pouponnière en couleurs / Une ambulance pour Toufy</t>
  </si>
  <si>
    <t>97</t>
  </si>
  <si>
    <t>Réalisateur: Dan Nosella, Réalisateur: Richard Keane, Réalisateur: Brónagh O'HanlonRéalisateur: Dan Nosella</t>
  </si>
  <si>
    <t>La pouponnière reçoit quatre poupons identiques. Câline a du mal à les différencier ! / Toufy est blessé sur les terres royales et doit monter dans une ambulance, ce qui lui fait peur.</t>
  </si>
  <si>
    <t>FR31287-HDTX</t>
  </si>
  <si>
    <t>Une infirmière hors pair / Sauvetage au ranch</t>
  </si>
  <si>
    <t>98</t>
  </si>
  <si>
    <t>Une nouvelle infirmière vole la vedette à Hallie qui, ne se sentant plus utile, disparaît. / Sally, la fille de l'Ouest, ayant un problème, les jouets se rendent à son ranch lui porter secours.</t>
  </si>
  <si>
    <t>FR31289-HDTX</t>
  </si>
  <si>
    <t>Vampirina S2</t>
  </si>
  <si>
    <t>Vampirina est un petit vampire. Avec ses parents, elle a quitté la Transylvanie pour s’installer en Pennsylvanie et doit apprendre à vivre parmi les humains.</t>
  </si>
  <si>
    <t>FR64494-HDTX</t>
  </si>
  <si>
    <t>Les Loup-garettes de Transylvanie.</t>
  </si>
  <si>
    <t>Edgar suit les Louvettes qui partent en vamping avec les Loup-garettes, en Transylvanie. Vampirina et les filles lui révèlent alors l'existence des monstres.</t>
  </si>
  <si>
    <t>FR64496-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Bluey S1 Ep 28</t>
  </si>
  <si>
    <t>FR79399-HDTX</t>
  </si>
  <si>
    <t>À cheval / L'Hôtel / Le Vélo</t>
  </si>
  <si>
    <t>Les enfants organisent un mariage à cheval ! Bluey, Bingo et leur papa jouent au jeu "Hôtel." Bluey ne parvient pas à rouler en vélo mais n'abandonne pas.</t>
  </si>
  <si>
    <t>FR79401-HDTX</t>
  </si>
  <si>
    <t>Le dîner de Bob / Le mystère de la chenille disparue</t>
  </si>
  <si>
    <t>Réalisateur: Bill Breneisen, Réalisateur: Scott Bern</t>
  </si>
  <si>
    <t>Bob doit travailler tard, mais il a oublié son dîner ! Les chiots décident de lui apporter. / Le nouvel ami de Keia, une chenille, a disparu !</t>
  </si>
  <si>
    <t>FR61662-HDTX</t>
  </si>
  <si>
    <t>Fancy Nancy Clancy S2 Ep 26</t>
  </si>
  <si>
    <t>FR87551-HDTX</t>
  </si>
  <si>
    <t>PYJAMASQUES: SPÉCIAL NINJAKA</t>
  </si>
  <si>
    <t>Réalisateur: Christian De Vita</t>
  </si>
  <si>
    <t>Un épisode spécial des Pyjamasques consacré à Ninjaka!</t>
  </si>
  <si>
    <t>FR62045-HDTX</t>
  </si>
  <si>
    <t>Beshte et Shujaa</t>
  </si>
  <si>
    <t>Quand un gorille se joint à la bataille contre Scar, il fait plus de mal que de bien !</t>
  </si>
  <si>
    <t>FR34181-HDTX</t>
  </si>
  <si>
    <t>La nuit des arts</t>
  </si>
  <si>
    <t>Réalisateur: Jamie Mitchell, Réalisateur: Mircea ManttaRéalisateur: Jamie Mitchell</t>
  </si>
  <si>
    <t>Karina blir spurt om å danse ballett med Sofia og Anne.</t>
  </si>
  <si>
    <t>FR30963-HDTX</t>
  </si>
  <si>
    <t>Les Maladresses de Bailey</t>
  </si>
  <si>
    <t>44</t>
  </si>
  <si>
    <t>Réalisateur: Jamie Mitchell, Réalisateur: Mircea Mantta</t>
  </si>
  <si>
    <t>Sofia prouve sa grande loyauté à Bailey quand la maladresse soudaine de celui-ci menace de gâcher le Jubilé Royal.</t>
  </si>
  <si>
    <t>FR30631-HDTX</t>
  </si>
  <si>
    <t>Les Pyjamasques et la fête de Flamme Rouge / Flamme Rouge et les Farfeloups de la Montagne</t>
  </si>
  <si>
    <t>Ninjaka s’est emparé d’une statuette secrète et s’en sert pour piéger Flamme Rouge et les Pyjamasques./ Quand les Farfeloups s’invitent sur la Montagne Mystérieuse, Flamme Rouge décide de les dresser grâce à un air de flûte. Mais Ninjaka rôde.</t>
  </si>
  <si>
    <t>FR84564-HDTX</t>
  </si>
  <si>
    <t>Le secret de Maître Fang / Tatouro'Tom et le Pyj'avion</t>
  </si>
  <si>
    <t>Sacha a hâte de lire le nouveau numéro spécial de la BD de Maître Fang qui contient un secret pour devenir le meilleur. Mais Tatouro’Tom est déjà sur place. Qui des deux héros arrivera à découvrir le secret ? / Tatouro’Tom est très attiré par le nouveau Pyj’avion des Pyjamasques, et il aimerait bien s’en servir pour lutter contre Ninjaka. Mais dernier le trouve lui aussi à son goût...</t>
  </si>
  <si>
    <t>FR84565-HDTX</t>
  </si>
  <si>
    <t>Bibou et l'astéroïde géant / Les Pyjamasques et les astéroïdes</t>
  </si>
  <si>
    <t>En rentrant d’une mission dans l’espace, Bibou envoie accidentellement un astéroïde sur la Terre. Cet évènement la préoccupe et l’empêche de se concentrer sur la lutte contre Roméo... d’autant plus qu’elle a repéré un garçon dont le comportement lui paraît suspect./Les Pyjamasques ont hâte de découvrir les pouvoirs de leur nouvel ami Hector. Mais celui-ci aime le calme et la tranquillité de l’espace et préfère être seul…</t>
  </si>
  <si>
    <t>FR84566-HDTX</t>
  </si>
  <si>
    <t>Le pouvoir de Giganto / Le dino qui criait au Giganto</t>
  </si>
  <si>
    <t>Rocky voudrait être fort comme Giganto. S’il avait une queue comme lui, il s’en servirait pour vaincre les méchants et défendre ses amis ! Mazu le met en garde : un grand pouvoir implique de grandes responsabilités. / Bill se rend compte que, quand il crie « Giganto ! », il peut éviter de faire des trucs pénibles, comme de grimper la falaise, attendre patiemment son tour, ou essayer de marquer un but contre Tiny. Au début ça marche, mais progressivement ses amis se rendent compte que Giganto ne se montre jamais. Ses amis ne sont pas très contents, et Bill se vexe...</t>
  </si>
  <si>
    <t>FR65951-HDTX</t>
  </si>
  <si>
    <t>Les cinq amis / Un petit service</t>
  </si>
  <si>
    <t>Nos héros se sont levés de mauvais poil. Ils se disputent. C’est alors qu’ils découvrent « l’emblème des 5 amis », une vieille pierre sur laquelle sont gravées les 5 tribus fondatrices de Crétacia : ankylosaure, tricératops, parasaurolophus, brachiosaure et… une 5e qu’ils n’arrivent pas à discerner ! / Archie tire Tiny d’un mauvais pas, et elle se sent obligée de lui rendre service en retour. Archie n'a rien demandé! Mais elle ne lâche pas l’affaire, sentant que sa dette n’est jamais assez remboursée. Le problème, c’est qu’en voulant bien faire, Tiny ne fait qu’empirer les choses pour Archie !</t>
  </si>
  <si>
    <t>FR65952-HDTX</t>
  </si>
  <si>
    <t>Coco Bill / Frères et Soeurs</t>
  </si>
  <si>
    <t>Bill surprend Rugo à chiper toutes les noix de coco du coin. Elle n’en laisse à personne ! Bill se met donc en quête du plus de noix de coco possible pour se faire une réserve géante, avant que Rugo n’ait tout pris. Ses amis s’étonnent, mais Bill n'écoute pas... / Tiny entend un drôle de bruit, très joli… Et surprend Totor, qui souffle dans un roseau ! Le jeune raptor n’a même pas conscience de faire de la musique. Mais Cror n’est pas contente : les raptors rugissent, ils ne font pas de la musique !</t>
  </si>
  <si>
    <t>FR65953-HDTX</t>
  </si>
  <si>
    <t>Les Pyjamasques et le Tatou-héros/Tatouro’Tom et le Turbo-Labo</t>
  </si>
  <si>
    <t>Tatouro'Tom est bien décidé à faire partie de l'équipe des Pyjamasques, mais ses méthodes ne sont pas très subtiles et nos héros regrettent vite de l'avoir accepté dans leur patrouille de nuit. / Les Pyjamasques volent à la rescousse de Tatouro’Tom, qui vient de se faire capturer par Robot. Mais ils arrivent trop tard pour empêcher Roméo de transférer les pouvoirs du tatou à son turbo-labo ! Il leur faudra trouver un autre moyen que la force pour empêcher Roméo de devenir le maître du monde...</t>
  </si>
  <si>
    <t>FR43090-HDTX</t>
  </si>
  <si>
    <t>Le chapeau-penseur de Dingo</t>
  </si>
  <si>
    <t>86</t>
  </si>
  <si>
    <t>Clarabelle souhaite faire une chasse au trésor avec Mickey et ses amis. Ils partent alors en quête des objets avec l'aide du chapeau-penseur de Dingo.</t>
  </si>
  <si>
    <t>FR31302-HDTX</t>
  </si>
  <si>
    <t>Le défilé de Minnie</t>
  </si>
  <si>
    <t>87</t>
  </si>
  <si>
    <t>Minnie ouvre sa boutique de noeuds.... et fait découvrir à tous ses amis toutes les possibilités de noeuds. Mais Pat va semer - malgré lui - la pagaille dans ce nouveau magasin lors de l'inauguration...</t>
  </si>
  <si>
    <t>FR31304-HDTX</t>
  </si>
  <si>
    <t>07:10:00</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07:20:00</t>
  </si>
  <si>
    <t>FR79387-HDTX</t>
  </si>
  <si>
    <t>07:40:00</t>
  </si>
  <si>
    <t>Bluey S1 Ep 51</t>
  </si>
  <si>
    <t>FR79425-HDTX</t>
  </si>
  <si>
    <t>Bluey S1 Ep 27</t>
  </si>
  <si>
    <t>FR79398-HDTX</t>
  </si>
  <si>
    <t>Bibou et le train Supertonique / Yoyo et les nuages</t>
  </si>
  <si>
    <t>Réalisateur: Merle-Anne Ridley, Réalisateur: Christian De VitaRéalisateur: Merle-Anne Ridley</t>
  </si>
  <si>
    <t>Le train supersonique de la fête foraine a disparu ! Les Pyjamasques enquêtent et découvrent que c'est Roméo qui l'a volé. Bibou va devoir apprendre à se montrer patiente afin qu'elle et ses co-équipiers parviennent à mener leur mission à bien. / Alors qu'il fait beau et que les enfants jouent sous les jets d'eau, l'eau s'arrête soudainement de couler et de mystérieux nuages sortent des tuyaux d'arrosage, obligeant les enfants à arrêter leur jeu. Les Pyjamasques vont devoir affronter Sorceline, et Yoyo sa peur de l'eau pour que les choses rentrent dans l'ordre.</t>
  </si>
  <si>
    <t>Computer-Animation</t>
  </si>
  <si>
    <t>FR30353-HDTX</t>
  </si>
  <si>
    <t>Gluglu et l'esprit du carnaval / Bibou et son double</t>
  </si>
  <si>
    <t>Un des chars pour le défilé du carnaval a disparu ! C’est Ninjaka qui l’a volé pour Roméo –qui compte bien s’emparer des autres pour les contrôler et terroriser la ville. Les Pyjamasques essaient de les en empêcher, mais Gluglu ne se préoccupe que du char qu’il a fabriqué lui-même. Si l’équipe de reste pas soudée, Roméo a une chance de gagner !/ Roméo prend l'apparence de Bibou pour que Yoyo et Gluglu l'aide à mettre hors d'état de nuire les autres méchants de la ville.</t>
  </si>
  <si>
    <t>FR43076-HDTX</t>
  </si>
  <si>
    <t>T.O.T.S. S1 Ep 25</t>
  </si>
  <si>
    <t>Pipou le pingouin et Freddy le flamant rose sont livreurs débutants chez T.O.T.S, les Transports par Oiseaux de Tout-petitS, où ils sont chargés de livrés d'adorables bébés animaux à leurs parents.</t>
  </si>
  <si>
    <t>FR72101-HDTX</t>
  </si>
  <si>
    <t>Livraison pour un papa / JP, le livreur débutant</t>
  </si>
  <si>
    <t>FR72096-HDTX</t>
  </si>
  <si>
    <t>La chemise porte-bonheur / Une journée tranquille avec grand-mère</t>
  </si>
  <si>
    <t>Bob a perdu sa chemise porte-bonheur. Bingo et Rolly s'introduisent chez le teinturier pour la récupérer. / Grand-mère vient garder les chiots.</t>
  </si>
  <si>
    <t>FR36041-HDTX</t>
  </si>
  <si>
    <t>Le boomerang de Bob / Un poisson nommé Olivia</t>
  </si>
  <si>
    <t>Après que Rolly a cassé le boomerang de Bob en le mâchouillant, les chiots partent en Australie pour en trouver un nouveau. / Bob ramène un poisson à la maison et les chiots essaient de lui apprendre des jeux.</t>
  </si>
  <si>
    <t>FR36043-HDTX</t>
  </si>
  <si>
    <t>Notre nouvelle voisine / La dernière licorne</t>
  </si>
  <si>
    <t>Réalisateur: Scott Bern, Réalisateur: Bill Breneisen</t>
  </si>
  <si>
    <t>Quand Keia, la nouvelle petite chienne de Chloé se sauve, Bingo et Rolly partent à sa recherche. Chloé rêve d'une licorne. Les chiots vont lui en chercher une.</t>
  </si>
  <si>
    <t>FR61656-HDTX</t>
  </si>
  <si>
    <t>11:30:00</t>
  </si>
  <si>
    <t>Bibou et l'Attaque Eclair / Yoyo et le Bulldo-Sauteur</t>
  </si>
  <si>
    <t>Réalisateur: Christian De Vita, Réalisateur: Merle-Anne RidleyRéalisateur: Merle-Anne Ridley</t>
  </si>
  <si>
    <t>Il est arrivé quelque chose d'étrange à la bibliothèque : les livres ne sont plus remplis d'histoires mais de photos de Roméo.Les Pyjamasques vont tout faire pour déjouer le plan de ce dernier... / Le musée vient de réouvrir après des travaux. Il y a une nouvelle salle d'exposition dédiée aux sciences. Mais le mur de cette salle est déjà fissuré. Les enfants se doutent bien que c'est Roméo qui est derrière tout ça. Ce dernier veut en effet voler le propulseur qui est exposé et s'en servir pour devenir le maître du monde...</t>
  </si>
  <si>
    <t>FR30354-HDTX</t>
  </si>
  <si>
    <t>Gluglu et les super Ninjazouaves / Bibou et le dinosaure</t>
  </si>
  <si>
    <t>Le matériel de sport a disparu...nos trois héros vont bientôt s'apercevoir que Ninjaka l'a volé pour entraîner ses Ninjazouaves. / Un ptérodactyle géant a disparu!</t>
  </si>
  <si>
    <t>FR30355-HDTX</t>
  </si>
  <si>
    <t>Yoyo et le canon rétrécisseur / Bibou et le ballon-lune</t>
  </si>
  <si>
    <t>Sacha est content, il est enfin assez grand pour utiliser les jeux des grands ! Mais en arrivant au parc, lui et ses amis ont une mauvaise surprise : les jeux sont devenus minuscules. Dans la ville aussi, les choses se mettent mystérieusement à rétrécir...Les Pyjamasques vont essayer de découvrir qui se cache derrière tout ça... / Alors que les enfants jouent au football, un énorme ballon apparaît et aspire tous les jouets sur son passage. Les Pyjamasques vont devoir unir leurs forces pour déjouer le plan de Sorceline.</t>
  </si>
  <si>
    <t>FR30356-HDTX</t>
  </si>
  <si>
    <t>Un goûter mouvementé / Adoptons un papillon</t>
  </si>
  <si>
    <t>Réalisateur: Krista TuckerRéalisateur: Krista Tucker</t>
  </si>
  <si>
    <t>Après avoir cassé un trésor de famille, Nancy tente de le cacher. Nancy trouve un papillon et veut le garder.</t>
  </si>
  <si>
    <t>FR61987-HDTX</t>
  </si>
  <si>
    <t>La cabane de Nancy/ Les cours d'élégance</t>
  </si>
  <si>
    <t>Nancy est contrarié quand son papa lui construit une cabane qui n'est pas chic. Nancy crée une école d'élégance pour ses amis.</t>
  </si>
  <si>
    <t>FR61998-HDTX</t>
  </si>
  <si>
    <t>Bluey S1 Ep 8</t>
  </si>
  <si>
    <t>FR79429-HDTX</t>
  </si>
  <si>
    <t>14:20:00</t>
  </si>
  <si>
    <t>FR79384-HDTX</t>
  </si>
  <si>
    <t>14:40:00</t>
  </si>
  <si>
    <t>Bluey S1 Ep 34</t>
  </si>
  <si>
    <t>FR79406-HDTX</t>
  </si>
  <si>
    <t>Bluey S1 Ep 32</t>
  </si>
  <si>
    <t>FR80207-HDTX</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Bluey S1 Ep 41</t>
  </si>
  <si>
    <t>FR79414-HDTX</t>
  </si>
  <si>
    <t>Mickey Mouse Mixed-Up Adventures S3 Splits</t>
  </si>
  <si>
    <t>88</t>
  </si>
  <si>
    <t>Hot Dog ! Retrouvez Mickey et tous ses amis dans sa nouvelle maison à Hot Dog Hills ! Mickey, Donald, Dingo, Minnie, Daisy, Pluto et Tic et Tac vous réservent de toutes nouvelles surprises ! Qu'ils soient à la recherche d'une licorne, apprennent aux enfants à jouer au base-ball ou qu'ils s'occupent d'une portée de chatons malicieux, Mickey et ses amis s'amusent toujours beaucoup en mélangeant dans la bonne humeur l'amitié, le travail d'équipe, la communauté, l'aventure et des tonnes de rires et de joie !</t>
  </si>
  <si>
    <t>FR82402-HDTX</t>
  </si>
  <si>
    <t>Des apprentis mécanos passionnés</t>
  </si>
  <si>
    <t>70</t>
  </si>
  <si>
    <t>12min</t>
  </si>
  <si>
    <t>FR82384-HDTX</t>
  </si>
  <si>
    <t>Fancy Nancy Clancy S2 Ep 27b</t>
  </si>
  <si>
    <t>Nancy Clancy, une petite fille de 6 ans, vit des aventures palpitantes et découvre tout ce que le quotidien ordinaire peut avoir d'extraordinaire. Même quand tout ne se passe pas comme prévu, elle sait qu'elle peut rendre n'importe quelle situation fantastique, avec le soutien de ses parents et de ses amis, de son chien Balzac, et de Mirabelle, sa poupée adorée. Nancy découvre aussi qu'il n'y a rien de plus chic que d'écouter son cœur !</t>
  </si>
  <si>
    <t>FR82144-HDTX</t>
  </si>
  <si>
    <t>17:15:00</t>
  </si>
  <si>
    <t>Fancy Nancy Clancy S2 Ep 27a</t>
  </si>
  <si>
    <t>FR82143-HDTX</t>
  </si>
  <si>
    <t>18:00:00</t>
  </si>
  <si>
    <t>Habitants de la Terre des Lions, tous unis !</t>
  </si>
  <si>
    <t>Kion essaie de rassembler une armée d'habitants de la Terre des Lions mais les faire travailler en équipe s'avère difficile.</t>
  </si>
  <si>
    <t>FR34182-HDTX</t>
  </si>
  <si>
    <t>Barney le lapin</t>
  </si>
  <si>
    <t>Réalisateur: Mircea Mantta, Réalisateur: Jamie MitchellRéalisateur: Jamie Mitchell</t>
  </si>
  <si>
    <t>Barney, un lapin errant prend la place de Clovis. Le compagnon de Sofia, redécouvre la vie sauvage et regrette la vie de château.</t>
  </si>
  <si>
    <t>FR30964-HDTX</t>
  </si>
  <si>
    <t>L'émission de cuisine / Pour l'amour des crêpes</t>
  </si>
  <si>
    <t>69</t>
  </si>
  <si>
    <t>Réalisateur: Chris Nee, Réalisateur: Dan Nosella, Réalisateur: Jean HerlihyRéalisateur: Chris Nee</t>
  </si>
  <si>
    <t>Doc reçoit en cadeau une cuisine toute rose que tous ses amis trouvent magnifique, surtout Câline qui veut tourner une émission culinaire ! / Doc et Donny s'amusent avec Molly Molly Grande Bouche et ses crêpes.</t>
  </si>
  <si>
    <t>FR31070-HDTX</t>
  </si>
  <si>
    <t>Bluey S1 Ep 38</t>
  </si>
  <si>
    <t>FR79410-HDTX</t>
  </si>
  <si>
    <t>20:10:00</t>
  </si>
  <si>
    <t>Bluey S1 Ep 40</t>
  </si>
  <si>
    <t>FR79413-HDTX</t>
  </si>
  <si>
    <t>20:45:00</t>
  </si>
  <si>
    <t>21:15:00</t>
  </si>
  <si>
    <t>Le Bal costumé de Minnie</t>
  </si>
  <si>
    <t>Minnie organise un bal costumé. Dingo se déguise mais il perd une de ses chaussures. Mickey et ses amis vont l'aider à la retrouver.</t>
  </si>
  <si>
    <t>FR31305-HDTX</t>
  </si>
  <si>
    <t>Dingo a disparu</t>
  </si>
  <si>
    <t>89</t>
  </si>
  <si>
    <t>C'est la panique dans la maison de Mickey : Dingo a disparu ! Daisy l'espionne, Minnie la détective et Capitaine Clarabelle vont se charger d'élucider le mystère.</t>
  </si>
  <si>
    <t>FR31307-HDTX</t>
  </si>
  <si>
    <t>FR79403-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Yoyo et le bataillon des papillons / Bibou, la championne</t>
  </si>
  <si>
    <t>Sacha aimerait aller voir les lions et les tigres, mais Greg et Amaya l'entraînent malgré lui voir les papillons. Arrivés sur place, ils découvrent que les papillons ont disparu. C'est Sorceline qui les a tous enlevés pour remplacer ses Papi-nuits qui ne lui donnaient plus satisfaction. Les Pyjamasques doivent retrouver Sorceline et ramener les papillons chez eux ! / Les enfants font une partie de basket, mais le sifflet de Cameron disparaît. Les Pyjamasques ne vont pas tarder à découvrir que Sorceline est derrière tout ça!</t>
  </si>
  <si>
    <t>FR30358-HDTX</t>
  </si>
  <si>
    <t>Gluglu et la lune rousse : Partie 1 / Gluglu et la lune rousse : Partie 2</t>
  </si>
  <si>
    <t>Sorceline s'envole vers la lune rousse pour gagner de nouveaux pouvoirs grâce à des cristaux de lune très rares. Les Pyjamasques foncent à sa poursuite, mais Gluglu a peur d'aller dans l'espace, ce monde inconnu et si imprévisible. Le voyage est drôlement mouvementé !/ Alors que Bibou et Yoyo ont poursuivi Sorceline dans sa forteresse lunaire, ils sont emprisonnés par des cristaux géants et ne peuvent compter que sur Gluglu, resté dans leur vaisseau spatial. Heureusement, Gluglu trouve le courage pour affronter ses peurs.</t>
  </si>
  <si>
    <t>FR43077-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La nouvelle niche de Keia / Le premier croc de lait</t>
  </si>
  <si>
    <t>Réalisateur: Trevor Wall, Réalisateur: Scott Bern</t>
  </si>
  <si>
    <t>Bob a construit une niche pour Keia et les chiots la poussent à organiser une fête pour célébrer son arrivée dans le quartier. / Rolly perd son premier croc de lait et a hâte de recevoir la visite de la Fée des Crocs !</t>
  </si>
  <si>
    <t>FR61657-HDTX</t>
  </si>
  <si>
    <t>Les singes des neiges/ Le repos du robot</t>
  </si>
  <si>
    <t>Les chiots partent au Japon, demander de la neige aux singes des neiges pour que Bob puisse aller skier. R.A.F. tombe malade le jour d'une exposition importante sur les sciences.</t>
  </si>
  <si>
    <t>FR61659-HDTX</t>
  </si>
  <si>
    <t>Les astro-chiots / Mission à rebondissements</t>
  </si>
  <si>
    <t>Réalisateur: Bill Breneisen, Réalisateur: Spencer Laudiero</t>
  </si>
  <si>
    <t>Les chiots doivent aller à la Colonie des Petits Astronautes pour apporter à Chloé la peluche qu'elle a oubliée en partant. / Bob a jeté sa nouvelle balle rebondissante trop fort et les carlins tentent de la retrouver grâce à leurs amis.</t>
  </si>
  <si>
    <t>FR61660-HDTX</t>
  </si>
  <si>
    <t>Exprime-toi, Gluglu ! / Yoyo et l'épée de Maître Fang</t>
  </si>
  <si>
    <t>Lorsqu'il doit réciter un poème devant toute sa classe, Greg est très embarrassé et se trompe dans sa récitation. L'instituteur lui propose de retenter l'exercice le lendemain. Mais plus tard dans la journée, une boîte à voix aspire la voix de Greg. Ses compères et lui se lancent à la poursuite de Roméo, l'inventeur de cette terrible boîte à voix. / Sacha est fan de l'émission de Maître Fang, le maître du Kung Fu ! Mais l'épée de ce dernier a disparu ; il ne peut donc plus faire son émission. Sacha est très énervé… Qui a bien pu voler l'épée de Maître Fang ?</t>
  </si>
  <si>
    <t>FR30359-HDTX</t>
  </si>
  <si>
    <t>Yoyo contre Robot-Chat / Bibou et le hibou du partage</t>
  </si>
  <si>
    <t>Réalisateur: Christian De Vita, Réalisateur: Merle-Anne Ridley, Réalisateur: Wilson Dos SantosRéalisateur: Merle-Anne Ridley</t>
  </si>
  <si>
    <t>Amaya et Greg disparaissent lors d'une partie de frisbee. Sacha enquête et découvre que Roméo les a capturés et a fabriqué un robot-hibou et un robot-lézard, identiques à Bibou et Gluglu ! / C'est la journée "Un élève, un objet" à l'école. A cette occasion, Amaya a prévu de présenter la statue du Hibou du Partage que lui a offerte sa tante, et qu'elle doit offrir à son tour. Mais à l'école, les objets de tous les autres élèves ont disparu. Les Pyjamasques décident de mener l'enquête. Ils découvrent que Sorceline est derrière tout ça.</t>
  </si>
  <si>
    <t>FR30360-HDTX</t>
  </si>
  <si>
    <t>Yoyo à la rescousse du gâteau d'anniversaire / Gluglu et le Ronflo-Saure</t>
  </si>
  <si>
    <t>Greg a hâte de fêter son anniversaire et veut montrer à ses amis la décoration de sa salle. Mais lorsqu'ils arrivent sur place, tout a été saccagé ! Heureusement, les traces de pas des Ninjazouaves les mènent sur la bonne piste : Ninjaka a volé le gâteau d'anniversaire lézard de Greg pour organiser sa propre fête. / Le spectacle de marionnettes de l'école est annulé : les marionnettes ont mystérieusement disparu... Les Papi-nuits mènent les Pyjamasques sur la trace de Sorceline. En partant en mission, ces derniers croisent Cameron, somnambule, dans la rue.</t>
  </si>
  <si>
    <t>FR30361-HDTX</t>
  </si>
  <si>
    <t>Une journée au spa Ouh là là/ La nouvelle asistante de papa</t>
  </si>
  <si>
    <t>Nancy veut offrir une journée de détente à sa maman mais ses produits de beauté sont pris pour un repas !Le jour où son papa travaille à domicile, Nancy devient son assistante.</t>
  </si>
  <si>
    <t>FR62005-HDTX</t>
  </si>
  <si>
    <t>Jojo a un nouvel ami/ Une journée mémorable</t>
  </si>
  <si>
    <t>Après avoir encouragé Jojo à inventer un ami imaginaire, Nancy devient jalouse de leur relation. Nancy essaie de laisser des empreintes parfaites dans le ciment frais d'une allée.</t>
  </si>
  <si>
    <t>FR62006-HDTX</t>
  </si>
  <si>
    <t>Réalisateur: Joe Brumm, Réalisateur: Richard JefferyRéalisateur: Richard Jeffery, Réalisateur: Joe Brumm</t>
  </si>
  <si>
    <t>Bluey S1 Ep 47</t>
  </si>
  <si>
    <t>Réalisateur: Richard Jeffery, Réalisateur: Joe BrummRéalisateur: Richard Jeffery, Réalisateur: Joe Brumm</t>
  </si>
  <si>
    <t>FR79420-HDTX</t>
  </si>
  <si>
    <t>Bluey S1 Ep 49</t>
  </si>
  <si>
    <t>FR79422-HDTX</t>
  </si>
  <si>
    <t>FR79394-HDTX</t>
  </si>
  <si>
    <t>FR82403-HDTX</t>
  </si>
  <si>
    <t>Fancy Nancy Clancy S2 Ep 31a</t>
  </si>
  <si>
    <t>Réalisateur: Mircea Mantta, Réalisateur: Jamie MitchellRéalisateur: Jamie Mitchell, Réalisateur: Mircea Mantta</t>
  </si>
  <si>
    <t>FR85853-HDTX</t>
  </si>
  <si>
    <t>Réalisateur: Jamie Mitchell, Réalisateur: Mircea ManttaRéalisateur: Jamie Mitchell, Réalisateur: Mircea Mantta</t>
  </si>
  <si>
    <t>Les alliances magiques / Le concours de sculpture</t>
  </si>
  <si>
    <t>Le mariage des Frankenstein se tient chez les Hantley et Vampirina a le rôle le plus important : elle doit garder le coffret contenant les alliances magiques des futurs mariés. / Vampirina inscrit Gregoria à un concours de sculptures transylvanien et elle décide de prendre pour modèle la famille au complet. Malheureusement, au moment de poser, Vampirina fait une crise de cheveux-souris.</t>
  </si>
  <si>
    <t>FR64472-HDTX</t>
  </si>
  <si>
    <t>La visite de la reine</t>
  </si>
  <si>
    <t>Hevi Kabisa ! La Garde du Roi Lion continue à défendre la Terre des Lions. Mais elle affronte de nouveaux défis, alors que la saison sèche s'annonce dans la savane. Elle va découvrir que la plus grande des menaces est de retour : Scar ! Kion et ses amis savent que tant que la Terre des Lions existera, la Garde du Roi Lion la défendra !</t>
  </si>
  <si>
    <t>FR34183-HDTX</t>
  </si>
  <si>
    <t>La perle de feu</t>
  </si>
  <si>
    <t>Sofia découvre que la princesse Lani possède le pouvoir de déchaîner les éléments suivant son humeur.</t>
  </si>
  <si>
    <t>FR30965-HDTX</t>
  </si>
  <si>
    <t>Une aviatrice exceptionnelle / La danseuse de flamenco</t>
  </si>
  <si>
    <t>Réalisateur: Brónagh O'Hanlon, Réalisateur: Dan Nosella, Réalisateur: Chris NeeRéalisateur: Chris Nee</t>
  </si>
  <si>
    <t>Il y a un nouveau jouet dans la chambre de Doc qui se nomme la Brave Mini Bess! / A l'occasion d'un bal organisé par le Docteur La Peluche et ses jouets, Doc présente Flora, une superbe danseuse de flamenco.</t>
  </si>
  <si>
    <t>FR31073-HDTX</t>
  </si>
  <si>
    <t>Le spectacle de fleurs de Minnie et Daisy</t>
  </si>
  <si>
    <t>90</t>
  </si>
  <si>
    <t>Minnie et Daisy veulent faire un spectacle de fleurs mais elles n'ont pas encore poussé. Elles vont donc tenter de faire pleuvoir les nuages...</t>
  </si>
  <si>
    <t>FR31309-HDTX</t>
  </si>
  <si>
    <t>Pluto et le dinosaure</t>
  </si>
  <si>
    <t>Réalisateur: Sherie Pollack, Réalisateur: Donovan Cooks, Réalisateur: Rob LaDuca, Interprète: They Might Be GiantsRéalisateur: Rob LaDuca, Réalisateur: Sherie Pollack, Interprète: They Might Be Giants</t>
  </si>
  <si>
    <t>Le professeur Von Drake a inventé une nouvelle machine pour voyager dans le temps. En l'utilisant, il va malencontreusement ramener dans le présent un petit dinosaure qui va vite s'échapper. Mickey et ses amis vont devoir le retrouver et le ramener.</t>
  </si>
  <si>
    <t>FR31311-HDTX</t>
  </si>
  <si>
    <t>Gluglu n'a besoin de personne / Yoyo et le mini Ninjazouave</t>
  </si>
  <si>
    <t>Réalisateur: Wilson Dos Santos, Réalisateur: Merle-Anne Ridley, Réalisateur: Christian De VitaRéalisateur: Merle-Anne Ridley</t>
  </si>
  <si>
    <t>Greg n'a pas envie d'être traité comme le plus petit qu'il faut toujours aider. Cette nuit, pour retrouver le bus scolaire qui a disparu, Gluglu veut affronter Ninjaka seul, et prouver qu'il n'a besoin de personne. / Nos trois héros font la rencontre d'un ninjazouave pas comme les autres : il est tout petit et semble vouloir jouer avec les Pyjamasques... Gluglu et Bibou sont attendris mais Yoyo se méfie car, pour lui, c'est forcément Ninjaka qui envoie ce mini ninjazouave !</t>
  </si>
  <si>
    <t>FR30362-HDTX</t>
  </si>
  <si>
    <t>Le Nin'Géant</t>
  </si>
  <si>
    <t>Alors qu'il cherche une caverne secrète dans la montage mystérieuse, Ninjaminus le plus petit des Ninjazouaves trébuche dans une flaque de "lave collante magique" qui le transforme (à son insu et sans qu'il le sache) en Gigantus. Le Gigantus combat les Pyjamasques avec ses jets de lave collante et les piège dans la montage mysterieuse. Ninjaka emmène son Gigantus en ville pour s'approprier la nuit.</t>
  </si>
  <si>
    <t>FR68526-HDTX</t>
  </si>
  <si>
    <t>La course au guépard/ Journée d'observation</t>
  </si>
  <si>
    <t>Quand un guépard se promène en liberté chez T.O.T.S., Pipou et Freddy doivent jouer à chat pour l'attraper ! Les livreurs débutants accueillent des cigognes en sortie scolaire et leur expliquent comment livrer des bébés.</t>
  </si>
  <si>
    <t>FR72102-HDTX</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LA MAISON DE MICKEY : MICKEY DANS L’ESPACE</t>
  </si>
  <si>
    <t>Réalisateur: Rob Laduca/ Sherie Pollack</t>
  </si>
  <si>
    <t>Le Professeur Von Drake décide d'envoyer Mickey et ses amis dans l'espace à la découverte d'un trésor sur une planète mystérieuse. Mais Pat le Pirate a l'air bien décidé à suivre nos amis. Il part à leur recherche, accompagné de Courniquette.</t>
  </si>
  <si>
    <t>2010</t>
  </si>
  <si>
    <t>46min</t>
  </si>
  <si>
    <t>FR31523-HDTX</t>
  </si>
  <si>
    <t>LA MAISON DE MICKEY: UNE SUPER AVENTURE</t>
  </si>
  <si>
    <t>Tous les amis de Mickey jouent aux super héros pour combattre l'Epatant Super Pat et Mégamax, alias Mortimer, leur nouveau voisin.</t>
  </si>
  <si>
    <t>FR31516-HDTX</t>
  </si>
  <si>
    <t>Yoyo et le cadeau surprise / Gluglu et ses supers éternuements !</t>
  </si>
  <si>
    <t>Réalisateur: Merle-Anne Ridley, Réalisateur: Wilson Dos Santos, Réalisateur: Christian De VitaRéalisateur: Merle-Anne Ridley</t>
  </si>
  <si>
    <t>Yoyo reçoit une trottinette en cadeau, offerte par une tante qu'il ne connaît pas. Ça sent l'entourloupe, mais Yoyo ne résiste pas à la tentation de s'en servir quand il découvre que la trottinette décolle et peut lui permettre de voler ! / Gluglu est pris de crises d'éternuements et ses amis lui recommandent de ne pas quitter le QG le temps de se remettre sur pieds. Mais notre héros sort malgré tout, permettant involontairement aux Papi-nuits de s'introduire dans le repaire, puis de laisser Sorceline y entrer !</t>
  </si>
  <si>
    <t>FR30364-HDTX</t>
  </si>
  <si>
    <t>Gluglu et le Laser Spatial / Yoyo le Pataud</t>
  </si>
  <si>
    <t>Roméo conçoit un laser de l'espace afin de graver son visage sur la lune, et les Pyjamasques ainsi que Sorceline essaient de l'en empêcher. / Roméo se sert d'une nouvelle invention pour rendre tout le monde tellement maladroit que personne ne pourra l'empêcher de régner sur la Terre entière. Yoyo est le premier à être frappé par les effets de l'invention.</t>
  </si>
  <si>
    <t>FR30365-HDTX</t>
  </si>
  <si>
    <t>Championne de patinage / La peinture, c'est dur !</t>
  </si>
  <si>
    <t>Nancy veut être une patineuse prodigieuse, mais elle doit s'entraîner d'abord ! Nancy met de la peinture partout en voulant peindre un portrait de Balzac, et laisse accuser Jojo.</t>
  </si>
  <si>
    <t>FR62007-HDTX</t>
  </si>
  <si>
    <t>Une nuit chez Madame Divine/ Malentendu autour d'une fondue</t>
  </si>
  <si>
    <t>Une nuit chez Mme Divine. Une visite du cousin de Nancy.</t>
  </si>
  <si>
    <t>FR62008-HDTX</t>
  </si>
  <si>
    <t>FR79385-HDTX</t>
  </si>
  <si>
    <t>FR82404-HDTX</t>
  </si>
  <si>
    <t>Fancy Nancy Clancy S2 Ep 31b</t>
  </si>
  <si>
    <t>FR85854-HDTX</t>
  </si>
  <si>
    <t>Votez Vampirina / Où est passé Pilou ?</t>
  </si>
  <si>
    <t>Vampirina est candidate pour être déléguée de classe. / Poppy, qui veut un lapin, doit s’occuper de Pilou pour prouver à sa mère qu’elle est capable de prendre soin d’un animal.</t>
  </si>
  <si>
    <t>FR64473-HDTX</t>
  </si>
  <si>
    <t>La fin du Bois de Mizimu</t>
  </si>
  <si>
    <t>Scar décide de faire son apparition pendant un spectacle de Timon et Pumbaa au Bois de Mizimu.</t>
  </si>
  <si>
    <t>FR34184-HDTX</t>
  </si>
  <si>
    <t>Un grand jour pour Monsieur Cédric</t>
  </si>
  <si>
    <t>Au cours d'une visite du Donjon magique de Merlin, la nièce effrontée de Cedric s'empare de la redoutable baguette de Merlin.</t>
  </si>
  <si>
    <t>FR30966-HDTX</t>
  </si>
  <si>
    <t>Un rêve monstrueux / Le nouveau Chocotte</t>
  </si>
  <si>
    <t>71</t>
  </si>
  <si>
    <t>Le père de Doc lui lit une histoire sur un monstre violet avant de dormir et elle en fait un cauchemar. / Chocotte se découd en jouant et perd une partie de son rembourrage.</t>
  </si>
  <si>
    <t>FR31076-HDTX</t>
  </si>
  <si>
    <t>La petite parade de Mickey</t>
  </si>
  <si>
    <t>Tic et Tac et leurs amis de petites tailles préparent une petite parade avec l'aide d'une fanfare mécanique. Mais les jouets ont été remontés trop vite et les membres de la fanfare se perdent dans la ville. Mickey et ses amis vont partir à leur recherche.</t>
  </si>
  <si>
    <t>FR31313-HDTX</t>
  </si>
  <si>
    <t>Le robot de Dingo</t>
  </si>
  <si>
    <t>93</t>
  </si>
  <si>
    <t>A l'occasion du festival du jouet, Dingo apporte dans la maison de Mickey son fabuleux robot : le Dingobot. Son robot est capable de reproduire les faits et gestes de son possesseur mais en beaucoup mieux, ce qui va rendre triste le vrai Dingo.</t>
  </si>
  <si>
    <t>FR31315-HDTX</t>
  </si>
  <si>
    <t>Bluey S1 Ep 50</t>
  </si>
  <si>
    <t>FR79424-HDTX</t>
  </si>
  <si>
    <t>Yoyo, Gluglu et le Robot Dingo / Bibou et l'Animal de Compagnie</t>
  </si>
  <si>
    <t>Réalisateur: Wilson Dos Santos, Réalisateur: Christian De Vita, Réalisateur: Merle-Anne RidleyRéalisateur: Merle-Anne Ridley</t>
  </si>
  <si>
    <t>Roméo a un nouveau robot, baptisé Robette, mais suite à une défaillance mécanique celle-cidécide d'aller conquérir le monde pour en devenir elle-même la maîtresse. Heureusement, Yoyoet Gluglu sont là pour l'arrêter... / Au QG, Bibou trouve un oiseau et décide qu'il fera le parfait animal de compagnie. Mais quand notre héroïne découvre qu'il n'est pas si facile de s'occuper d'un animal, l'oiseau délaissé se laisse alors convaincre par Sorceline de transformer le QG en Aimant-Lune géant.</t>
  </si>
  <si>
    <t>FR30366-HDTX</t>
  </si>
  <si>
    <t>Une parfaite petite assistante / Un caméléon coloré</t>
  </si>
  <si>
    <t>Pipou et Freddy doivent livrer et chaton mais ils pensent faire erreur car il n'y a pas de chats chez T.O.T.S. Les livreurs débutants doivent livrer un caméléon qui n'arrête pas de disparaître. Customize</t>
  </si>
  <si>
    <t>FR72104-HDTX</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Une tempête à Madagascar / Lapinpanzé a disparu</t>
  </si>
  <si>
    <t>Réalisateur: Spencer Laudiero, Réalisateur: Bill Breneisen</t>
  </si>
  <si>
    <t>Quand un gros chien vole le jouet de Keia, Bingo et Rolly partent en mission pour le récupérer !</t>
  </si>
  <si>
    <t>FR61663-HDTX</t>
  </si>
  <si>
    <t>La ville du vent / Mission toilettage</t>
  </si>
  <si>
    <t>Réalisateur: Stephanie Arnett, Réalisateur: Scott Bern</t>
  </si>
  <si>
    <t>Bingo et Rolly vont à Chicago dans l'espoir de rapporter du vent pour le cerf-volant de Bob. / Keia a peur d'aller chez le toiletteur alors les chiots vont l'aider.</t>
  </si>
  <si>
    <t>FR78075-HDTX</t>
  </si>
  <si>
    <t>Le vol de dîner du Papatteville Express / À la recherche de R.A.F.</t>
  </si>
  <si>
    <t>Réalisateur: Scott Bern, Réalisateur: Sean Coyle, Réalisateur: Trevor Wall</t>
  </si>
  <si>
    <t>Bob emmène les chiots dans un train-restaurant, mais le dîner disparaît. / Quand la batterie de R.A.F. tombe à plat, les chiots et leurs amis partent à sa rescousse.</t>
  </si>
  <si>
    <t>FR61665-HDTX</t>
  </si>
  <si>
    <t>Bibou et la querelle des Q.G.s / Gluglu et le Micmac au Musée</t>
  </si>
  <si>
    <t>Ninjaka se crée sa propre forteresse imprenable en empilant des cars de ramassage scolaire les uns sur les autres. Le méchant compte se servir de son nouveau QG pour annexer celui des Pyjamasques. Malheureusement pour ces derniers, Bibou est tellement épatée par la forteresse de Ninjaka qu'elle en oublie que son QG à elle est tout aussi épatant... / Alors que Roméo s'apprête à frapper avec une nouvelle invention, Gluglu échoue à l'arrêter à temps. S'il veut espérer arrêter le méchant et sa machine, notre héros va devoir apprendre qu'il y a plus d'une solution à un seul problème.</t>
  </si>
  <si>
    <t>FR30367-HDTX</t>
  </si>
  <si>
    <t>Yoyo aux commandes / Bibou la revancharde</t>
  </si>
  <si>
    <t>Réalisateur: Christian De Vita, Réalisateur: Wilson Dos Santos, Réalisateur: Merle-Anne RidleyRéalisateur: Merle-Anne Ridley</t>
  </si>
  <si>
    <t>Roméo conçoit une télécommande lui permettant de prendre le contrôle d'un Pyjamasque à la fois, avec pour but de les forcer à l'aider à créer une super-télécommande... laquelle lui permettra de contrôler tout le monde ! / Quand Ninjaka casse l'oeuvre d'art réalisée par Bibou, notre héroïne décide de se venger en cassant le chef-d'oeuvre du méchant : une statue géante de Ninjaka lui-même. Mais lorsque sa vengeance menace de détruire le musée, Bibou comprend qu'on ne doit pas guérir le mal par le mal.</t>
  </si>
  <si>
    <t>FR30368-HDTX</t>
  </si>
  <si>
    <t>Gluglu et le mal de l'air / Le vélo de Yoyo</t>
  </si>
  <si>
    <t>Roméo a une nouvelle invention qui doit lui permettre de mettre les Pyjamasques et leur QG en lévitation, et de les chasser pour de bon au gré du vent ! N'ayant ni le pouvoir de voler, ni celui de bondir dans les airs, Gluglu se sent impuissant à arrêter le méchant. / Roméo vole les super-véhicules de nos super-héros, obligeant les Pyjamasques à le poursuivre à vélo ! Dommage que Yoyo estime qu'un vélo n'est pas digne d'un super-héros, car s'il utilisait son Yoyo Rapido pour pédaler, il pourrait bien coiffer Roméo au poteau et sauver la situation...</t>
  </si>
  <si>
    <t>FR30369-HDTX</t>
  </si>
  <si>
    <t>Le désastre du concours canin/ L'Affaire de la poupée disparue</t>
  </si>
  <si>
    <t>Nancy remplace Balzac par un chien aux capacités extraordinaires pour un concours de chien. Quand Mirabelle disparaît, Nancy se fait détective.</t>
  </si>
  <si>
    <t>FR66757-HDTX</t>
  </si>
  <si>
    <t>La danse de l'amitié/ Les nouvelles chaussures</t>
  </si>
  <si>
    <t>Nancy apprend à faire des compromis lorsqu'elle crée un pas-de-deux avec Bree pour leur cours de danse. Nancy trouve les chaussures de ses rêves mais sa famille ne veut pas les acheter.</t>
  </si>
  <si>
    <t>FR62011-HDTX</t>
  </si>
  <si>
    <t>Yoyo et le mini Ninjazouave</t>
  </si>
  <si>
    <t>Nos trois héros font la rencontre d'un ninjazouave pas comme les autres : il est tout petit et semble vouloir jouer avec les Pyjamasques... Gluglu et Bibou sont attendris mais Yoyo se méfie car, pour lui, c'est forcément Ninjaka qui envoie ce mini ninjazouave !</t>
  </si>
  <si>
    <t>FR33977-HDTX</t>
  </si>
  <si>
    <t>DISNEY TOUS EN FORME L’ASTUCE DU JOUR</t>
  </si>
  <si>
    <t>Cars</t>
  </si>
  <si>
    <t>S'inspirer de ses héros préférés</t>
  </si>
  <si>
    <t>Magazine</t>
  </si>
  <si>
    <t>9min</t>
  </si>
  <si>
    <t>FR58216-HDTX</t>
  </si>
  <si>
    <t>Bluey S1 Ep 45</t>
  </si>
  <si>
    <t>FR79418-HDTX</t>
  </si>
  <si>
    <t>FR82405-HDTX</t>
  </si>
  <si>
    <t>Fancy Nancy Clancy S2 Ep 34a</t>
  </si>
  <si>
    <t>FR82157-HDTX</t>
  </si>
  <si>
    <t>La randonnée des Louvettes / Monstres et humains</t>
  </si>
  <si>
    <t>Vampirina, Poppy et Bridget partent faire de la randonnée et camper avec les Louvettes de Pennsylvanie. Vampirina espère gagner son badge de randonnée sans avoir recours à la magie. / Une ancienne amie de Vampirina qui habite toujours en Transylvanie, Frankie, vient lui rendre visite et tourner un reportage pour la télévision transylvanienne.</t>
  </si>
  <si>
    <t>FR64474-HDTX</t>
  </si>
  <si>
    <t>Le feu venu du ciel</t>
  </si>
  <si>
    <t>Pour affronter les vautours qui jettent des branches enflammées sur la Terre des Lions, la Garde du Roi Lion appelle Hadithi à l'aide.</t>
  </si>
  <si>
    <t>FR34185-HDTX</t>
  </si>
  <si>
    <t>La Bibliothèque Secrète : Olaf et mademoiselle Ortie</t>
  </si>
  <si>
    <t>Au lieu de convoquer une princesse, l'amulette de Sofia fait venir Olaf. Ensemble, ils se lancent à la poursuite de Mademoiselle Ortie qui veut voler toutes les fleurs du royaume de Freezenberg.</t>
  </si>
  <si>
    <t>FR30967-HDTX</t>
  </si>
  <si>
    <t>Des câlins pour Hallie / Paulo le farceur</t>
  </si>
  <si>
    <t>72</t>
  </si>
  <si>
    <t>Réalisateur: Dan Nosella, Réalisateur: Chris Nee, Réalisateur: Damien O'ConnorRéalisateur: Chris Nee</t>
  </si>
  <si>
    <t>La puce électronique censée être dans la poitrine de Hallie migre jusqu'à sa patte ..et sa patte se met à parler! / Donny ramène chez lui Paulo, une grenouille qui ne cesse de le surprendre en bondissant.</t>
  </si>
  <si>
    <t>FR31079-HDTX</t>
  </si>
  <si>
    <t>Donald le Génie</t>
  </si>
  <si>
    <t>94</t>
  </si>
  <si>
    <t>Une lampe de chevet magique est arrivée dans la boite au lettres de Mickey. De cette dernière s'en dégage Pat le Génie, qui réalise le souhait de Donald : devenir un Génie. Il va alors vouloir exaucer les voeux de tous ces amis.</t>
  </si>
  <si>
    <t>FR31317-HDTX</t>
  </si>
  <si>
    <t>Mickey fête le printemps</t>
  </si>
  <si>
    <t>Mickey et ses amis fêtent le printemps ! Pour l'occasion, Minnie a éparpillé des œufs un peu partout dans la ville afin que Mickey et les autres puissent les chercher. Cependant, Pat le lapin farceur est prêt à les ralentir.</t>
  </si>
  <si>
    <t>FR31319-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Yoyo connaît la musique / Bibou et la nouvelle technique d'attaque</t>
  </si>
  <si>
    <t>Tous les instruments de musique de l'école ont disparu, et Bibou et Gluglu sont sur le coup pour les récupérer. Yoyo, en revanche, n'est pas si pressé : il va d'abord falloir qu'il surmonte son trac de jouer de la musique en public s'il veut aider ses amis et accomplir sa mission ! / Yoyo et Gluglu imaginent une nouvelle technique de super-héros capable de maîtriser n'importe quel méchant, mais Bibou ne parvient pas à l'exécuter. Plutôt que de reconnaître qu'elle n'y arrive pas, notre héroïne refuse carrément de s'y essayer, laissant ainsi le champ libre à Roméo et à ses manoeuvres maléfiques.</t>
  </si>
  <si>
    <t>FR30370-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Le cadeau idéal / La Symphonie des Lumières</t>
  </si>
  <si>
    <t>Les chiots cherchent les cadeaux de St Valentin parfaits pour Bob et Chloé. / Bob est triste parce que la Symphonie des Lumières est annulée. Les chiots décident de trouver une solution.</t>
  </si>
  <si>
    <t>FR61672-HDTX</t>
  </si>
  <si>
    <t>Aussi rapide qu'un guépard / Une soupe pour Bob</t>
  </si>
  <si>
    <t>Réalisateur: Bill Breneisen, Réalisateur: Stephanie Arnett</t>
  </si>
  <si>
    <t>Bob aimerait courir vite, alors les chiots demandent à des guépards le secret de leur vitesse. / Les carlins cherchent le bol de soupe parfait pour aider Bob à se soigner.</t>
  </si>
  <si>
    <t>FR61666-HDTX</t>
  </si>
  <si>
    <t>Le cousin Cody / Les nerfs en pelote</t>
  </si>
  <si>
    <t>Réalisateur: Scott Bern, Réalisateur: Stephanie Arnett</t>
  </si>
  <si>
    <t>Les chiots aident leur cousin timide à se sentir à l'aise dans un endroit nouveau. / Quand Feuly perd son jouet préféré, ses petits frères chiots viennent à la rescousse.</t>
  </si>
  <si>
    <t>FR61668-HDTX</t>
  </si>
  <si>
    <t>Bibou et la fusée / Yoyo fait son show</t>
  </si>
  <si>
    <t>En s'introduisant en secret dans le QG des Pyjamasques, Roméo découvre que l'endroit est capable de se transformer en fusée. Nos héros ont intérêt à vite regagner leurs pénates s'ils veulent empêcher le méchant de décoller ! Hélas, Bibou se fie davantage à sa tablette tactile qu'à ses propres capacités pour arrêter Roméo... / Quand Ninjaka se vante auprès des Pyjamasques de préparer le coup le plus maléfique qu'un méchant ait jamais fait, Yoyo rétorque aussitôt qu'il va contrer Ninjaka à l'aide de l'action la plus spectaculaire qu'un super-héros ait jamais accomplie !</t>
  </si>
  <si>
    <t>FR30371-HDTX</t>
  </si>
  <si>
    <t>Bibou, l'oiseau rare / Yoyo tambour battant</t>
  </si>
  <si>
    <t>Roméo parvient à répliquer les pouvoirs de Bibou pour se doter lui-même - ainsi que Gluglu et Yoyo - du pouvoir de voler ! Maintenant que tous autour d'elle en sont capables, Bibou a le sentiment d'avoir perdu ce qui faisait d'elle une personne unique. / Un défilé de chars se prépare en ville pour le carnaval, mais Ninjaka décide d'en faire sa propre 'Ninja Parade'. Il mène ses Ninjazouaves tambour battant - à l'aide d'un tambour volé à Yoyo - pour leur faire repeindre chars et fanions.</t>
  </si>
  <si>
    <t>FR30372-HDTX</t>
  </si>
  <si>
    <t>Yoyo revoit sa copie / Gluglu et son super sixième sens</t>
  </si>
  <si>
    <t>Que fera Yoyo, lui qui n'en fait toujours qu'à sa tête, quand il se retrouvera confronté à des clones de lui-même créés par Roméo ? Face à une ribambelle de Yoyo bis qui n'en font tous qu'à leur tête, le méchant risque bien d'avoir enfin le champ libre pour conquérir le monde... / Ninjaka met les Pyjamasques au défi de remporter une partie de "capture du drapeau" contre lui. Si nos héros perdent, le méchant gagnera leur QG ! Lorsque Gluglu se persuade que ses super pouvoirs ne suffiront pas à gagner la partie, il s'en imagine un nouveau... lequel risquerait bien de leur coûter la victoire !</t>
  </si>
  <si>
    <t>FR30373-HDTX</t>
  </si>
  <si>
    <t>Camping distingué! / La Coiffeuse de Grand-mère</t>
  </si>
  <si>
    <t>Nancy essaie de faire avec l'orage qui menace le camping de la famille. Quand elle demande la coiffeuse de Grand-mère, Nancy apprend qu'elle est pleine de souvenirs pour Grand-père.</t>
  </si>
  <si>
    <t>FR61988-HDTX</t>
  </si>
  <si>
    <t>Adieu, Madame Meuh/ Nancy Clancy, productrice de génie !</t>
  </si>
  <si>
    <t>Nancy essaie d'empêcher qu'on vende un de ses anciens jouets sans révéler qu'elle tient à ce "jouet de bébé". Nancy produit le premier spectacle comique de Lionel, mais il a trop le trac pour monter sur scène !</t>
  </si>
  <si>
    <t>FR61989-HDTX</t>
  </si>
  <si>
    <t>Bluey S1 Ep 36</t>
  </si>
  <si>
    <t>FR79408-HDTX</t>
  </si>
  <si>
    <t>Bluey S1 Ep 39</t>
  </si>
  <si>
    <t>FR79411-HDTX</t>
  </si>
  <si>
    <t>Bluey S1 Ep 44</t>
  </si>
  <si>
    <t>FR79417-HDTX</t>
  </si>
  <si>
    <t>FR82372-HDTX</t>
  </si>
  <si>
    <t>Fancy Nancy Clancy S2 Ep 34b</t>
  </si>
  <si>
    <t>FR82158-HDTX</t>
  </si>
  <si>
    <t>Le bébé dragon / La cohabitation</t>
  </si>
  <si>
    <t>Boris et Oxana sont partis pour le week-end et c'est Mamie Goule qui garde Vampirina. La famille reçoit la visite de Fumy, la petite dragone qui avait éclos chez eux. / La maison des Hantley est infestée de charmeurs, des petits insectes magiques.</t>
  </si>
  <si>
    <t>FR64476-HDTX</t>
  </si>
  <si>
    <t>La tempête de sable</t>
  </si>
  <si>
    <t>Une puissante tempête de sable, qu'on appelle l'harmattan, prend la Garde, Makucha et ses léopards au piège. Ono se sert de ses connaissances sur l'harmattan pour déjouer les plans de Makucha et ses complices.</t>
  </si>
  <si>
    <t>FR63862-HDTX</t>
  </si>
  <si>
    <t>Un bébé Dragon</t>
  </si>
  <si>
    <t>Sofia et Vivian trouvent un adorable bébé dragon dans les bois, elles en prennent soin au point de rendre Cracky très jalouse. Mais elles découvrent très vite que ce bébé n'est pas aussi innocent qu'il en a l'air.</t>
  </si>
  <si>
    <t>FR30968-HDTX</t>
  </si>
  <si>
    <t>L'infirmerie / L'invasion des paillettes</t>
  </si>
  <si>
    <t>73</t>
  </si>
  <si>
    <t>Réalisateur: Chris Nee, Réalisateur: Brónagh O'Hanlon, Réalisateur: Dan NosellaRéalisateur: Chris Nee</t>
  </si>
  <si>
    <t>Chocotte a peur d'aller à l'école pour jouets que Doc et ses amis ont mise en place. / Au cours d'une séance de loisirs créatifs, Alma renverse des paillettes dans les cheveux de Daisy Mille-Habits.</t>
  </si>
  <si>
    <t>FR31082-HDTX</t>
  </si>
  <si>
    <t>Au revoir, Giganto ! Partie 1 / Au revoir, Giganto ! Partie 2</t>
  </si>
  <si>
    <t>Une énorme météorite bouche le cratère du Mont de l’Oubli. Le volcan risque de connaître la pire de ses éruptions ! Tous les dinosaures doivent migrer vers une terre plus sûre. Mazu, Tiny, Rocky et Bill doivent n’emporter avec eux que leur objet favori, et voyager léger. Mais ils ne vont pas se rendre sans combattre ! / Le temps a passé, et Giganto n’est pas revenu. Termy est devenue la reine de Crétacia, et impose ses cours de zumba à tout le monde. Les raptors font ce qu’ils veulent, et Rugo est triste sans son grand copain. Mais nos héros se sont organisés...</t>
  </si>
  <si>
    <t>FR65956-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rgb="FF2D2D2D"/>
      <name val="Arial"/>
      <family val="2"/>
    </font>
    <font>
      <sz val="10"/>
      <color theme="1"/>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5">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64" formatCode="m/d/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4"/>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V277" totalsRowShown="0" headerRowDxfId="23" dataDxfId="22">
  <autoFilter ref="A1:V277"/>
  <tableColumns count="22">
    <tableColumn id="1" name="Channel" dataDxfId="21"/>
    <tableColumn id="2" name="TX Date" dataDxfId="20"/>
    <tableColumn id="3" name="Day" dataDxfId="19"/>
    <tableColumn id="4" name="TX Time" dataDxfId="18"/>
    <tableColumn id="5" name="Series Title" dataDxfId="17"/>
    <tableColumn id="6" name="Episode Title" dataDxfId="16"/>
    <tableColumn id="7" name="Episode No" dataDxfId="15"/>
    <tableColumn id="8" name="Season" dataDxfId="14"/>
    <tableColumn id="9" name="Cast Info" dataDxfId="13"/>
    <tableColumn id="10" name="Synopsis" dataDxfId="12"/>
    <tableColumn id="11" name="Programme Type" dataDxfId="11"/>
    <tableColumn id="12" name="Genre" dataDxfId="10"/>
    <tableColumn id="13" name="Production Country" dataDxfId="9"/>
    <tableColumn id="14" name="Production Year" dataDxfId="8"/>
    <tableColumn id="15" name="Duration" dataDxfId="7"/>
    <tableColumn id="16" name="IDSubtitle" dataDxfId="6"/>
    <tableColumn id="17" name="Sound" dataDxfId="5"/>
    <tableColumn id="18" name="Programme Format" dataDxfId="4"/>
    <tableColumn id="19" name="TX ID" dataDxfId="3"/>
    <tableColumn id="20" name="Inedit" dataDxfId="2"/>
    <tableColumn id="21" name="LSF" dataDxfId="1"/>
    <tableColumn id="22" name="Audio Described"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79"/>
  <sheetViews>
    <sheetView workbookViewId="0">
      <selection activeCell="H25" sqref="H25"/>
    </sheetView>
  </sheetViews>
  <sheetFormatPr defaultRowHeight="15" x14ac:dyDescent="0.25"/>
  <cols>
    <col min="1" max="1" width="5" customWidth="1"/>
    <col min="2" max="2" width="10.7109375" customWidth="1"/>
    <col min="3" max="3" width="7.7109375" customWidth="1"/>
    <col min="4" max="4" width="10.7109375" customWidth="1"/>
    <col min="5" max="6" width="37.140625" customWidth="1"/>
    <col min="7" max="14" width="5" customWidth="1"/>
    <col min="15" max="15" width="7.140625" customWidth="1"/>
    <col min="16" max="18" width="5" customWidth="1"/>
    <col min="19" max="19" width="12.7109375" customWidth="1"/>
    <col min="20" max="20" width="10.140625" customWidth="1"/>
    <col min="21" max="22" width="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8</v>
      </c>
      <c r="R2" s="3" t="s">
        <v>39</v>
      </c>
      <c r="S2" s="3" t="s">
        <v>40</v>
      </c>
      <c r="T2" s="3"/>
      <c r="U2" s="3" t="s">
        <v>37</v>
      </c>
      <c r="V2" s="3" t="s">
        <v>37</v>
      </c>
    </row>
    <row r="3" spans="1:22" x14ac:dyDescent="0.25">
      <c r="A3" s="3" t="s">
        <v>22</v>
      </c>
      <c r="B3" s="4" t="s">
        <v>23</v>
      </c>
      <c r="C3" s="3" t="s">
        <v>24</v>
      </c>
      <c r="D3" s="5" t="s">
        <v>41</v>
      </c>
      <c r="E3" s="3" t="s">
        <v>26</v>
      </c>
      <c r="F3" s="3" t="s">
        <v>42</v>
      </c>
      <c r="G3" s="3" t="s">
        <v>43</v>
      </c>
      <c r="H3" s="3" t="s">
        <v>29</v>
      </c>
      <c r="I3" s="3" t="s">
        <v>30</v>
      </c>
      <c r="J3" s="3" t="s">
        <v>44</v>
      </c>
      <c r="K3" s="3" t="s">
        <v>32</v>
      </c>
      <c r="L3" s="3" t="s">
        <v>33</v>
      </c>
      <c r="M3" s="3" t="s">
        <v>34</v>
      </c>
      <c r="N3" s="3" t="s">
        <v>35</v>
      </c>
      <c r="O3" s="3" t="s">
        <v>36</v>
      </c>
      <c r="P3" s="3" t="s">
        <v>37</v>
      </c>
      <c r="Q3" s="3" t="s">
        <v>38</v>
      </c>
      <c r="R3" s="3" t="s">
        <v>39</v>
      </c>
      <c r="S3" s="3" t="s">
        <v>45</v>
      </c>
      <c r="T3" s="3"/>
      <c r="U3" s="3" t="s">
        <v>37</v>
      </c>
      <c r="V3" s="3" t="s">
        <v>37</v>
      </c>
    </row>
    <row r="4" spans="1:22" x14ac:dyDescent="0.25">
      <c r="A4" s="3" t="s">
        <v>22</v>
      </c>
      <c r="B4" s="4" t="s">
        <v>23</v>
      </c>
      <c r="C4" s="3" t="s">
        <v>24</v>
      </c>
      <c r="D4" s="5" t="s">
        <v>46</v>
      </c>
      <c r="E4" s="3" t="s">
        <v>47</v>
      </c>
      <c r="F4" s="3" t="s">
        <v>48</v>
      </c>
      <c r="G4" s="3" t="s">
        <v>49</v>
      </c>
      <c r="H4" s="3" t="s">
        <v>50</v>
      </c>
      <c r="I4" s="3" t="s">
        <v>51</v>
      </c>
      <c r="J4" s="3" t="s">
        <v>52</v>
      </c>
      <c r="K4" s="3" t="s">
        <v>32</v>
      </c>
      <c r="L4" s="3" t="s">
        <v>33</v>
      </c>
      <c r="M4" s="3" t="s">
        <v>34</v>
      </c>
      <c r="N4" s="3" t="s">
        <v>53</v>
      </c>
      <c r="O4" s="3" t="s">
        <v>54</v>
      </c>
      <c r="P4" s="3" t="s">
        <v>55</v>
      </c>
      <c r="Q4" s="3" t="s">
        <v>37</v>
      </c>
      <c r="R4" s="3" t="s">
        <v>39</v>
      </c>
      <c r="S4" s="3" t="s">
        <v>56</v>
      </c>
      <c r="T4" s="3"/>
      <c r="U4" s="3" t="s">
        <v>37</v>
      </c>
      <c r="V4" s="3" t="s">
        <v>37</v>
      </c>
    </row>
    <row r="5" spans="1:22" x14ac:dyDescent="0.25">
      <c r="A5" s="3" t="s">
        <v>22</v>
      </c>
      <c r="B5" s="4" t="s">
        <v>23</v>
      </c>
      <c r="C5" s="3" t="s">
        <v>24</v>
      </c>
      <c r="D5" s="5" t="s">
        <v>57</v>
      </c>
      <c r="E5" s="3" t="s">
        <v>47</v>
      </c>
      <c r="F5" s="3" t="s">
        <v>58</v>
      </c>
      <c r="G5" s="3" t="s">
        <v>59</v>
      </c>
      <c r="H5" s="3" t="s">
        <v>60</v>
      </c>
      <c r="I5" s="3" t="s">
        <v>51</v>
      </c>
      <c r="J5" s="3" t="s">
        <v>61</v>
      </c>
      <c r="K5" s="3" t="s">
        <v>32</v>
      </c>
      <c r="L5" s="3" t="s">
        <v>33</v>
      </c>
      <c r="M5" s="3" t="s">
        <v>34</v>
      </c>
      <c r="N5" s="3" t="s">
        <v>62</v>
      </c>
      <c r="O5" s="3" t="s">
        <v>54</v>
      </c>
      <c r="P5" s="3" t="s">
        <v>55</v>
      </c>
      <c r="Q5" s="3" t="s">
        <v>37</v>
      </c>
      <c r="R5" s="3" t="s">
        <v>39</v>
      </c>
      <c r="S5" s="3" t="s">
        <v>63</v>
      </c>
      <c r="T5" s="3"/>
      <c r="U5" s="3" t="s">
        <v>37</v>
      </c>
      <c r="V5" s="3" t="s">
        <v>37</v>
      </c>
    </row>
    <row r="6" spans="1:22" x14ac:dyDescent="0.25">
      <c r="A6" s="3" t="s">
        <v>22</v>
      </c>
      <c r="B6" s="4" t="s">
        <v>23</v>
      </c>
      <c r="C6" s="3" t="s">
        <v>24</v>
      </c>
      <c r="D6" s="5" t="s">
        <v>64</v>
      </c>
      <c r="E6" s="3" t="s">
        <v>65</v>
      </c>
      <c r="F6" s="3" t="s">
        <v>66</v>
      </c>
      <c r="G6" s="3" t="s">
        <v>67</v>
      </c>
      <c r="H6" s="3" t="s">
        <v>29</v>
      </c>
      <c r="I6" s="3" t="s">
        <v>37</v>
      </c>
      <c r="J6" s="3" t="s">
        <v>68</v>
      </c>
      <c r="K6" s="3" t="s">
        <v>32</v>
      </c>
      <c r="L6" s="3" t="s">
        <v>33</v>
      </c>
      <c r="M6" s="3" t="s">
        <v>69</v>
      </c>
      <c r="N6" s="3" t="s">
        <v>53</v>
      </c>
      <c r="O6" s="3" t="s">
        <v>37</v>
      </c>
      <c r="P6" s="3" t="s">
        <v>37</v>
      </c>
      <c r="Q6" s="3" t="s">
        <v>37</v>
      </c>
      <c r="R6" s="3" t="s">
        <v>39</v>
      </c>
      <c r="S6" s="3" t="s">
        <v>70</v>
      </c>
      <c r="T6" s="3"/>
      <c r="U6" s="3" t="s">
        <v>37</v>
      </c>
      <c r="V6" s="3" t="s">
        <v>37</v>
      </c>
    </row>
    <row r="7" spans="1:22" x14ac:dyDescent="0.25">
      <c r="A7" s="3" t="s">
        <v>22</v>
      </c>
      <c r="B7" s="4" t="s">
        <v>23</v>
      </c>
      <c r="C7" s="3" t="s">
        <v>24</v>
      </c>
      <c r="D7" s="5" t="s">
        <v>73</v>
      </c>
      <c r="E7" s="3" t="s">
        <v>74</v>
      </c>
      <c r="F7" s="3" t="s">
        <v>75</v>
      </c>
      <c r="G7" s="3" t="s">
        <v>76</v>
      </c>
      <c r="H7" s="3" t="s">
        <v>60</v>
      </c>
      <c r="I7" s="3" t="s">
        <v>77</v>
      </c>
      <c r="J7" s="3" t="s">
        <v>78</v>
      </c>
      <c r="K7" s="3" t="s">
        <v>32</v>
      </c>
      <c r="L7" s="3" t="s">
        <v>33</v>
      </c>
      <c r="M7" s="3" t="s">
        <v>69</v>
      </c>
      <c r="N7" s="3" t="s">
        <v>79</v>
      </c>
      <c r="O7" s="3" t="s">
        <v>54</v>
      </c>
      <c r="P7" s="3" t="s">
        <v>55</v>
      </c>
      <c r="Q7" s="3" t="s">
        <v>37</v>
      </c>
      <c r="R7" s="3" t="s">
        <v>39</v>
      </c>
      <c r="S7" s="3" t="s">
        <v>80</v>
      </c>
      <c r="T7" s="3"/>
      <c r="U7" s="3" t="s">
        <v>37</v>
      </c>
      <c r="V7" s="3" t="s">
        <v>37</v>
      </c>
    </row>
    <row r="8" spans="1:22" x14ac:dyDescent="0.25">
      <c r="A8" s="3" t="s">
        <v>22</v>
      </c>
      <c r="B8" s="4" t="s">
        <v>23</v>
      </c>
      <c r="C8" s="3" t="s">
        <v>24</v>
      </c>
      <c r="D8" s="5" t="s">
        <v>81</v>
      </c>
      <c r="E8" s="3" t="s">
        <v>74</v>
      </c>
      <c r="F8" s="3" t="s">
        <v>82</v>
      </c>
      <c r="G8" s="3" t="s">
        <v>83</v>
      </c>
      <c r="H8" s="3" t="s">
        <v>60</v>
      </c>
      <c r="I8" s="3" t="s">
        <v>77</v>
      </c>
      <c r="J8" s="3" t="s">
        <v>84</v>
      </c>
      <c r="K8" s="3" t="s">
        <v>32</v>
      </c>
      <c r="L8" s="3" t="s">
        <v>33</v>
      </c>
      <c r="M8" s="3" t="s">
        <v>69</v>
      </c>
      <c r="N8" s="3" t="s">
        <v>79</v>
      </c>
      <c r="O8" s="3" t="s">
        <v>54</v>
      </c>
      <c r="P8" s="3" t="s">
        <v>55</v>
      </c>
      <c r="Q8" s="3" t="s">
        <v>37</v>
      </c>
      <c r="R8" s="3" t="s">
        <v>39</v>
      </c>
      <c r="S8" s="3" t="s">
        <v>85</v>
      </c>
      <c r="T8" s="3"/>
      <c r="U8" s="3" t="s">
        <v>37</v>
      </c>
      <c r="V8" s="3" t="s">
        <v>37</v>
      </c>
    </row>
    <row r="9" spans="1:22" x14ac:dyDescent="0.25">
      <c r="A9" s="3" t="s">
        <v>22</v>
      </c>
      <c r="B9" s="4" t="s">
        <v>23</v>
      </c>
      <c r="C9" s="3" t="s">
        <v>24</v>
      </c>
      <c r="D9" s="5" t="s">
        <v>86</v>
      </c>
      <c r="E9" s="3" t="s">
        <v>47</v>
      </c>
      <c r="F9" s="3" t="s">
        <v>87</v>
      </c>
      <c r="G9" s="3" t="s">
        <v>88</v>
      </c>
      <c r="H9" s="3" t="s">
        <v>50</v>
      </c>
      <c r="I9" s="3" t="s">
        <v>51</v>
      </c>
      <c r="J9" s="3" t="s">
        <v>89</v>
      </c>
      <c r="K9" s="3" t="s">
        <v>32</v>
      </c>
      <c r="L9" s="3" t="s">
        <v>33</v>
      </c>
      <c r="M9" s="3" t="s">
        <v>34</v>
      </c>
      <c r="N9" s="3" t="s">
        <v>53</v>
      </c>
      <c r="O9" s="3" t="s">
        <v>54</v>
      </c>
      <c r="P9" s="3" t="s">
        <v>55</v>
      </c>
      <c r="Q9" s="3" t="s">
        <v>37</v>
      </c>
      <c r="R9" s="3" t="s">
        <v>39</v>
      </c>
      <c r="S9" s="3" t="s">
        <v>90</v>
      </c>
      <c r="T9" s="3"/>
      <c r="U9" s="3" t="s">
        <v>37</v>
      </c>
      <c r="V9" s="3" t="s">
        <v>37</v>
      </c>
    </row>
    <row r="10" spans="1:22" x14ac:dyDescent="0.25">
      <c r="A10" s="3" t="s">
        <v>22</v>
      </c>
      <c r="B10" s="4" t="s">
        <v>23</v>
      </c>
      <c r="C10" s="3" t="s">
        <v>24</v>
      </c>
      <c r="D10" s="5" t="s">
        <v>91</v>
      </c>
      <c r="E10" s="3" t="s">
        <v>47</v>
      </c>
      <c r="F10" s="3" t="s">
        <v>92</v>
      </c>
      <c r="G10" s="3" t="s">
        <v>93</v>
      </c>
      <c r="H10" s="3" t="s">
        <v>50</v>
      </c>
      <c r="I10" s="3" t="s">
        <v>51</v>
      </c>
      <c r="J10" s="3" t="s">
        <v>94</v>
      </c>
      <c r="K10" s="3" t="s">
        <v>32</v>
      </c>
      <c r="L10" s="3" t="s">
        <v>33</v>
      </c>
      <c r="M10" s="3" t="s">
        <v>34</v>
      </c>
      <c r="N10" s="3" t="s">
        <v>53</v>
      </c>
      <c r="O10" s="3" t="s">
        <v>54</v>
      </c>
      <c r="P10" s="3" t="s">
        <v>55</v>
      </c>
      <c r="Q10" s="3" t="s">
        <v>37</v>
      </c>
      <c r="R10" s="3" t="s">
        <v>39</v>
      </c>
      <c r="S10" s="3" t="s">
        <v>95</v>
      </c>
      <c r="T10" s="3"/>
      <c r="U10" s="3" t="s">
        <v>37</v>
      </c>
      <c r="V10" s="3" t="s">
        <v>37</v>
      </c>
    </row>
    <row r="11" spans="1:22" x14ac:dyDescent="0.25">
      <c r="A11" s="3" t="s">
        <v>22</v>
      </c>
      <c r="B11" s="4" t="s">
        <v>23</v>
      </c>
      <c r="C11" s="3" t="s">
        <v>24</v>
      </c>
      <c r="D11" s="5" t="s">
        <v>96</v>
      </c>
      <c r="E11" s="3" t="s">
        <v>47</v>
      </c>
      <c r="F11" s="3" t="s">
        <v>97</v>
      </c>
      <c r="G11" s="3" t="s">
        <v>98</v>
      </c>
      <c r="H11" s="3" t="s">
        <v>60</v>
      </c>
      <c r="I11" s="3" t="s">
        <v>51</v>
      </c>
      <c r="J11" s="3" t="s">
        <v>99</v>
      </c>
      <c r="K11" s="3" t="s">
        <v>32</v>
      </c>
      <c r="L11" s="3" t="s">
        <v>37</v>
      </c>
      <c r="M11" s="3" t="s">
        <v>34</v>
      </c>
      <c r="N11" s="3" t="s">
        <v>62</v>
      </c>
      <c r="O11" s="3" t="s">
        <v>54</v>
      </c>
      <c r="P11" s="3" t="s">
        <v>55</v>
      </c>
      <c r="Q11" s="3" t="s">
        <v>37</v>
      </c>
      <c r="R11" s="3" t="s">
        <v>39</v>
      </c>
      <c r="S11" s="3" t="s">
        <v>100</v>
      </c>
      <c r="T11" s="3"/>
      <c r="U11" s="3" t="s">
        <v>37</v>
      </c>
      <c r="V11" s="3" t="s">
        <v>37</v>
      </c>
    </row>
    <row r="12" spans="1:22" x14ac:dyDescent="0.25">
      <c r="A12" s="3" t="s">
        <v>22</v>
      </c>
      <c r="B12" s="4" t="s">
        <v>23</v>
      </c>
      <c r="C12" s="3" t="s">
        <v>24</v>
      </c>
      <c r="D12" s="5" t="s">
        <v>101</v>
      </c>
      <c r="E12" s="3" t="s">
        <v>102</v>
      </c>
      <c r="F12" s="3" t="s">
        <v>37</v>
      </c>
      <c r="G12" s="3" t="s">
        <v>37</v>
      </c>
      <c r="H12" s="3" t="s">
        <v>37</v>
      </c>
      <c r="I12" s="3" t="s">
        <v>103</v>
      </c>
      <c r="J12" s="3" t="s">
        <v>104</v>
      </c>
      <c r="K12" s="3" t="s">
        <v>105</v>
      </c>
      <c r="L12" s="3" t="s">
        <v>106</v>
      </c>
      <c r="M12" s="3" t="s">
        <v>34</v>
      </c>
      <c r="N12" s="3" t="s">
        <v>107</v>
      </c>
      <c r="O12" s="3" t="s">
        <v>37</v>
      </c>
      <c r="P12" s="3" t="s">
        <v>37</v>
      </c>
      <c r="Q12" s="3" t="s">
        <v>37</v>
      </c>
      <c r="R12" s="3" t="s">
        <v>39</v>
      </c>
      <c r="S12" s="3" t="s">
        <v>108</v>
      </c>
      <c r="T12" s="3"/>
      <c r="U12" s="3" t="s">
        <v>37</v>
      </c>
      <c r="V12" s="3" t="s">
        <v>37</v>
      </c>
    </row>
    <row r="13" spans="1:22" x14ac:dyDescent="0.25">
      <c r="A13" s="3" t="s">
        <v>22</v>
      </c>
      <c r="B13" s="4" t="s">
        <v>23</v>
      </c>
      <c r="C13" s="3" t="s">
        <v>24</v>
      </c>
      <c r="D13" s="5" t="s">
        <v>109</v>
      </c>
      <c r="E13" s="3" t="s">
        <v>110</v>
      </c>
      <c r="F13" s="3" t="s">
        <v>111</v>
      </c>
      <c r="G13" s="3" t="s">
        <v>50</v>
      </c>
      <c r="H13" s="3" t="s">
        <v>29</v>
      </c>
      <c r="I13" s="3" t="s">
        <v>37</v>
      </c>
      <c r="J13" s="3" t="s">
        <v>112</v>
      </c>
      <c r="K13" s="3" t="s">
        <v>32</v>
      </c>
      <c r="L13" s="3" t="s">
        <v>106</v>
      </c>
      <c r="M13" s="3" t="s">
        <v>69</v>
      </c>
      <c r="N13" s="3" t="s">
        <v>53</v>
      </c>
      <c r="O13" s="3" t="s">
        <v>113</v>
      </c>
      <c r="P13" s="3" t="s">
        <v>55</v>
      </c>
      <c r="Q13" s="3" t="s">
        <v>37</v>
      </c>
      <c r="R13" s="3" t="s">
        <v>39</v>
      </c>
      <c r="S13" s="3" t="s">
        <v>114</v>
      </c>
      <c r="T13" s="3"/>
      <c r="U13" s="3" t="s">
        <v>37</v>
      </c>
      <c r="V13" s="3" t="s">
        <v>37</v>
      </c>
    </row>
    <row r="14" spans="1:22" x14ac:dyDescent="0.25">
      <c r="A14" s="3" t="s">
        <v>22</v>
      </c>
      <c r="B14" s="4" t="s">
        <v>23</v>
      </c>
      <c r="C14" s="3" t="s">
        <v>24</v>
      </c>
      <c r="D14" s="5" t="s">
        <v>115</v>
      </c>
      <c r="E14" s="3" t="s">
        <v>116</v>
      </c>
      <c r="F14" s="3" t="s">
        <v>117</v>
      </c>
      <c r="G14" s="3" t="s">
        <v>118</v>
      </c>
      <c r="H14" s="3" t="s">
        <v>29</v>
      </c>
      <c r="I14" s="3" t="s">
        <v>119</v>
      </c>
      <c r="J14" s="3" t="s">
        <v>120</v>
      </c>
      <c r="K14" s="3" t="s">
        <v>32</v>
      </c>
      <c r="L14" s="3" t="s">
        <v>33</v>
      </c>
      <c r="M14" s="3" t="s">
        <v>69</v>
      </c>
      <c r="N14" s="3" t="s">
        <v>53</v>
      </c>
      <c r="O14" s="3" t="s">
        <v>54</v>
      </c>
      <c r="P14" s="3" t="s">
        <v>37</v>
      </c>
      <c r="Q14" s="3" t="s">
        <v>37</v>
      </c>
      <c r="R14" s="3" t="s">
        <v>39</v>
      </c>
      <c r="S14" s="3" t="s">
        <v>121</v>
      </c>
      <c r="T14" s="3"/>
      <c r="U14" s="3" t="s">
        <v>37</v>
      </c>
      <c r="V14" s="3" t="s">
        <v>37</v>
      </c>
    </row>
    <row r="15" spans="1:22" x14ac:dyDescent="0.25">
      <c r="A15" s="3" t="s">
        <v>22</v>
      </c>
      <c r="B15" s="4" t="s">
        <v>23</v>
      </c>
      <c r="C15" s="3" t="s">
        <v>24</v>
      </c>
      <c r="D15" s="5" t="s">
        <v>122</v>
      </c>
      <c r="E15" s="3" t="s">
        <v>116</v>
      </c>
      <c r="F15" s="3" t="s">
        <v>123</v>
      </c>
      <c r="G15" s="3" t="s">
        <v>76</v>
      </c>
      <c r="H15" s="3" t="s">
        <v>29</v>
      </c>
      <c r="I15" s="3" t="s">
        <v>119</v>
      </c>
      <c r="J15" s="3" t="s">
        <v>124</v>
      </c>
      <c r="K15" s="3" t="s">
        <v>32</v>
      </c>
      <c r="L15" s="3" t="s">
        <v>33</v>
      </c>
      <c r="M15" s="3" t="s">
        <v>69</v>
      </c>
      <c r="N15" s="3" t="s">
        <v>53</v>
      </c>
      <c r="O15" s="3" t="s">
        <v>37</v>
      </c>
      <c r="P15" s="3" t="s">
        <v>37</v>
      </c>
      <c r="Q15" s="3" t="s">
        <v>37</v>
      </c>
      <c r="R15" s="3" t="s">
        <v>39</v>
      </c>
      <c r="S15" s="3" t="s">
        <v>125</v>
      </c>
      <c r="T15" s="3"/>
      <c r="U15" s="3" t="s">
        <v>37</v>
      </c>
      <c r="V15" s="3" t="s">
        <v>37</v>
      </c>
    </row>
    <row r="16" spans="1:22" x14ac:dyDescent="0.25">
      <c r="A16" s="3" t="s">
        <v>22</v>
      </c>
      <c r="B16" s="4" t="s">
        <v>23</v>
      </c>
      <c r="C16" s="3" t="s">
        <v>24</v>
      </c>
      <c r="D16" s="5" t="s">
        <v>127</v>
      </c>
      <c r="E16" s="3" t="s">
        <v>47</v>
      </c>
      <c r="F16" s="3" t="s">
        <v>128</v>
      </c>
      <c r="G16" s="3" t="s">
        <v>129</v>
      </c>
      <c r="H16" s="3" t="s">
        <v>29</v>
      </c>
      <c r="I16" s="3" t="s">
        <v>51</v>
      </c>
      <c r="J16" s="3" t="s">
        <v>130</v>
      </c>
      <c r="K16" s="3" t="s">
        <v>32</v>
      </c>
      <c r="L16" s="3" t="s">
        <v>33</v>
      </c>
      <c r="M16" s="3" t="s">
        <v>34</v>
      </c>
      <c r="N16" s="3" t="s">
        <v>131</v>
      </c>
      <c r="O16" s="3" t="s">
        <v>54</v>
      </c>
      <c r="P16" s="3" t="s">
        <v>55</v>
      </c>
      <c r="Q16" s="3" t="s">
        <v>38</v>
      </c>
      <c r="R16" s="3" t="s">
        <v>39</v>
      </c>
      <c r="S16" s="3" t="s">
        <v>132</v>
      </c>
      <c r="T16" s="3"/>
      <c r="U16" s="3" t="s">
        <v>37</v>
      </c>
      <c r="V16" s="3" t="s">
        <v>37</v>
      </c>
    </row>
    <row r="17" spans="1:22" x14ac:dyDescent="0.25">
      <c r="A17" s="3" t="s">
        <v>22</v>
      </c>
      <c r="B17" s="4" t="s">
        <v>23</v>
      </c>
      <c r="C17" s="3" t="s">
        <v>24</v>
      </c>
      <c r="D17" s="5" t="s">
        <v>133</v>
      </c>
      <c r="E17" s="3" t="s">
        <v>47</v>
      </c>
      <c r="F17" s="3" t="s">
        <v>134</v>
      </c>
      <c r="G17" s="3" t="s">
        <v>135</v>
      </c>
      <c r="H17" s="3" t="s">
        <v>29</v>
      </c>
      <c r="I17" s="3" t="s">
        <v>51</v>
      </c>
      <c r="J17" s="3" t="s">
        <v>136</v>
      </c>
      <c r="K17" s="3" t="s">
        <v>32</v>
      </c>
      <c r="L17" s="3" t="s">
        <v>33</v>
      </c>
      <c r="M17" s="3" t="s">
        <v>34</v>
      </c>
      <c r="N17" s="3" t="s">
        <v>131</v>
      </c>
      <c r="O17" s="3" t="s">
        <v>54</v>
      </c>
      <c r="P17" s="3" t="s">
        <v>55</v>
      </c>
      <c r="Q17" s="3" t="s">
        <v>38</v>
      </c>
      <c r="R17" s="3" t="s">
        <v>39</v>
      </c>
      <c r="S17" s="3" t="s">
        <v>137</v>
      </c>
      <c r="T17" s="3"/>
      <c r="U17" s="3" t="s">
        <v>37</v>
      </c>
      <c r="V17" s="3" t="s">
        <v>37</v>
      </c>
    </row>
    <row r="18" spans="1:22" x14ac:dyDescent="0.25">
      <c r="A18" s="3" t="s">
        <v>22</v>
      </c>
      <c r="B18" s="4" t="s">
        <v>23</v>
      </c>
      <c r="C18" s="3" t="s">
        <v>24</v>
      </c>
      <c r="D18" s="5" t="s">
        <v>138</v>
      </c>
      <c r="E18" s="3" t="s">
        <v>139</v>
      </c>
      <c r="F18" s="3" t="s">
        <v>140</v>
      </c>
      <c r="G18" s="3" t="s">
        <v>141</v>
      </c>
      <c r="H18" s="3" t="s">
        <v>29</v>
      </c>
      <c r="I18" s="3" t="s">
        <v>142</v>
      </c>
      <c r="J18" s="3" t="s">
        <v>143</v>
      </c>
      <c r="K18" s="3" t="s">
        <v>32</v>
      </c>
      <c r="L18" s="3" t="s">
        <v>33</v>
      </c>
      <c r="M18" s="3" t="s">
        <v>69</v>
      </c>
      <c r="N18" s="3" t="s">
        <v>79</v>
      </c>
      <c r="O18" s="3" t="s">
        <v>54</v>
      </c>
      <c r="P18" s="3" t="s">
        <v>37</v>
      </c>
      <c r="Q18" s="3" t="s">
        <v>37</v>
      </c>
      <c r="R18" s="3" t="s">
        <v>39</v>
      </c>
      <c r="S18" s="3" t="s">
        <v>144</v>
      </c>
      <c r="T18" s="3"/>
      <c r="U18" s="3" t="s">
        <v>37</v>
      </c>
      <c r="V18" s="3" t="s">
        <v>145</v>
      </c>
    </row>
    <row r="19" spans="1:22" x14ac:dyDescent="0.25">
      <c r="A19" s="3" t="s">
        <v>22</v>
      </c>
      <c r="B19" s="4" t="s">
        <v>23</v>
      </c>
      <c r="C19" s="3" t="s">
        <v>24</v>
      </c>
      <c r="D19" s="5" t="s">
        <v>146</v>
      </c>
      <c r="E19" s="3" t="s">
        <v>139</v>
      </c>
      <c r="F19" s="3" t="s">
        <v>147</v>
      </c>
      <c r="G19" s="3" t="s">
        <v>148</v>
      </c>
      <c r="H19" s="3" t="s">
        <v>29</v>
      </c>
      <c r="I19" s="3" t="s">
        <v>149</v>
      </c>
      <c r="J19" s="3" t="s">
        <v>150</v>
      </c>
      <c r="K19" s="3" t="s">
        <v>32</v>
      </c>
      <c r="L19" s="3" t="s">
        <v>33</v>
      </c>
      <c r="M19" s="3" t="s">
        <v>69</v>
      </c>
      <c r="N19" s="3" t="s">
        <v>79</v>
      </c>
      <c r="O19" s="3" t="s">
        <v>54</v>
      </c>
      <c r="P19" s="3" t="s">
        <v>37</v>
      </c>
      <c r="Q19" s="3" t="s">
        <v>37</v>
      </c>
      <c r="R19" s="3" t="s">
        <v>39</v>
      </c>
      <c r="S19" s="3" t="s">
        <v>151</v>
      </c>
      <c r="T19" s="3"/>
      <c r="U19" s="3" t="s">
        <v>37</v>
      </c>
      <c r="V19" s="3" t="s">
        <v>145</v>
      </c>
    </row>
    <row r="20" spans="1:22" x14ac:dyDescent="0.25">
      <c r="A20" s="3" t="s">
        <v>22</v>
      </c>
      <c r="B20" s="4" t="s">
        <v>23</v>
      </c>
      <c r="C20" s="3" t="s">
        <v>24</v>
      </c>
      <c r="D20" s="5" t="s">
        <v>154</v>
      </c>
      <c r="E20" s="3" t="s">
        <v>155</v>
      </c>
      <c r="F20" s="3" t="s">
        <v>156</v>
      </c>
      <c r="G20" s="3" t="s">
        <v>157</v>
      </c>
      <c r="H20" s="3" t="s">
        <v>60</v>
      </c>
      <c r="I20" s="3" t="s">
        <v>37</v>
      </c>
      <c r="J20" s="3" t="s">
        <v>158</v>
      </c>
      <c r="K20" s="3" t="s">
        <v>32</v>
      </c>
      <c r="L20" s="3" t="s">
        <v>33</v>
      </c>
      <c r="M20" s="3" t="s">
        <v>34</v>
      </c>
      <c r="N20" s="3" t="s">
        <v>159</v>
      </c>
      <c r="O20" s="3" t="s">
        <v>36</v>
      </c>
      <c r="P20" s="3" t="s">
        <v>37</v>
      </c>
      <c r="Q20" s="3" t="s">
        <v>37</v>
      </c>
      <c r="R20" s="3" t="s">
        <v>39</v>
      </c>
      <c r="S20" s="3" t="s">
        <v>160</v>
      </c>
      <c r="T20" s="3" t="s">
        <v>126</v>
      </c>
      <c r="U20" s="3" t="s">
        <v>37</v>
      </c>
      <c r="V20" s="3" t="s">
        <v>37</v>
      </c>
    </row>
    <row r="21" spans="1:22" x14ac:dyDescent="0.25">
      <c r="A21" s="3" t="s">
        <v>22</v>
      </c>
      <c r="B21" s="4" t="s">
        <v>23</v>
      </c>
      <c r="C21" s="3" t="s">
        <v>24</v>
      </c>
      <c r="D21" s="5" t="s">
        <v>161</v>
      </c>
      <c r="E21" s="3" t="s">
        <v>155</v>
      </c>
      <c r="F21" s="3" t="s">
        <v>162</v>
      </c>
      <c r="G21" s="3" t="s">
        <v>163</v>
      </c>
      <c r="H21" s="3" t="s">
        <v>29</v>
      </c>
      <c r="I21" s="3" t="s">
        <v>164</v>
      </c>
      <c r="J21" s="3" t="s">
        <v>165</v>
      </c>
      <c r="K21" s="3" t="s">
        <v>32</v>
      </c>
      <c r="L21" s="3" t="s">
        <v>33</v>
      </c>
      <c r="M21" s="3" t="s">
        <v>34</v>
      </c>
      <c r="N21" s="3" t="s">
        <v>79</v>
      </c>
      <c r="O21" s="3" t="s">
        <v>166</v>
      </c>
      <c r="P21" s="3" t="s">
        <v>37</v>
      </c>
      <c r="Q21" s="3" t="s">
        <v>37</v>
      </c>
      <c r="R21" s="3" t="s">
        <v>39</v>
      </c>
      <c r="S21" s="3" t="s">
        <v>167</v>
      </c>
      <c r="T21" s="3"/>
      <c r="U21" s="3" t="s">
        <v>37</v>
      </c>
      <c r="V21" s="3" t="s">
        <v>37</v>
      </c>
    </row>
    <row r="22" spans="1:22" x14ac:dyDescent="0.25">
      <c r="A22" s="3" t="s">
        <v>22</v>
      </c>
      <c r="B22" s="4" t="s">
        <v>23</v>
      </c>
      <c r="C22" s="3" t="s">
        <v>24</v>
      </c>
      <c r="D22" s="5" t="s">
        <v>168</v>
      </c>
      <c r="E22" s="3" t="s">
        <v>74</v>
      </c>
      <c r="F22" s="3" t="s">
        <v>169</v>
      </c>
      <c r="G22" s="3" t="s">
        <v>72</v>
      </c>
      <c r="H22" s="3" t="s">
        <v>60</v>
      </c>
      <c r="I22" s="3" t="s">
        <v>77</v>
      </c>
      <c r="J22" s="3" t="s">
        <v>170</v>
      </c>
      <c r="K22" s="3" t="s">
        <v>32</v>
      </c>
      <c r="L22" s="3" t="s">
        <v>33</v>
      </c>
      <c r="M22" s="3" t="s">
        <v>69</v>
      </c>
      <c r="N22" s="3" t="s">
        <v>79</v>
      </c>
      <c r="O22" s="3" t="s">
        <v>54</v>
      </c>
      <c r="P22" s="3" t="s">
        <v>55</v>
      </c>
      <c r="Q22" s="3" t="s">
        <v>37</v>
      </c>
      <c r="R22" s="3" t="s">
        <v>39</v>
      </c>
      <c r="S22" s="3" t="s">
        <v>171</v>
      </c>
      <c r="T22" s="3"/>
      <c r="U22" s="3" t="s">
        <v>37</v>
      </c>
      <c r="V22" s="3" t="s">
        <v>37</v>
      </c>
    </row>
    <row r="23" spans="1:22" x14ac:dyDescent="0.25">
      <c r="A23" s="3" t="s">
        <v>22</v>
      </c>
      <c r="B23" s="4" t="s">
        <v>23</v>
      </c>
      <c r="C23" s="3" t="s">
        <v>24</v>
      </c>
      <c r="D23" s="5" t="s">
        <v>172</v>
      </c>
      <c r="E23" s="3" t="s">
        <v>74</v>
      </c>
      <c r="F23" s="3" t="s">
        <v>173</v>
      </c>
      <c r="G23" s="3" t="s">
        <v>153</v>
      </c>
      <c r="H23" s="3" t="s">
        <v>60</v>
      </c>
      <c r="I23" s="3" t="s">
        <v>77</v>
      </c>
      <c r="J23" s="3" t="s">
        <v>174</v>
      </c>
      <c r="K23" s="3" t="s">
        <v>32</v>
      </c>
      <c r="L23" s="3" t="s">
        <v>33</v>
      </c>
      <c r="M23" s="3" t="s">
        <v>69</v>
      </c>
      <c r="N23" s="3" t="s">
        <v>79</v>
      </c>
      <c r="O23" s="3" t="s">
        <v>54</v>
      </c>
      <c r="P23" s="3" t="s">
        <v>55</v>
      </c>
      <c r="Q23" s="3" t="s">
        <v>37</v>
      </c>
      <c r="R23" s="3" t="s">
        <v>39</v>
      </c>
      <c r="S23" s="3" t="s">
        <v>175</v>
      </c>
      <c r="T23" s="3"/>
      <c r="U23" s="3" t="s">
        <v>37</v>
      </c>
      <c r="V23" s="3" t="s">
        <v>37</v>
      </c>
    </row>
    <row r="24" spans="1:22" x14ac:dyDescent="0.25">
      <c r="A24" s="3" t="s">
        <v>22</v>
      </c>
      <c r="B24" s="4" t="s">
        <v>23</v>
      </c>
      <c r="C24" s="3" t="s">
        <v>24</v>
      </c>
      <c r="D24" s="5" t="s">
        <v>176</v>
      </c>
      <c r="E24" s="3" t="s">
        <v>177</v>
      </c>
      <c r="F24" s="3" t="s">
        <v>178</v>
      </c>
      <c r="G24" s="3" t="s">
        <v>179</v>
      </c>
      <c r="H24" s="3" t="s">
        <v>180</v>
      </c>
      <c r="I24" s="3" t="s">
        <v>37</v>
      </c>
      <c r="J24" s="3" t="s">
        <v>181</v>
      </c>
      <c r="K24" s="3" t="s">
        <v>32</v>
      </c>
      <c r="L24" s="3" t="s">
        <v>106</v>
      </c>
      <c r="M24" s="3" t="s">
        <v>69</v>
      </c>
      <c r="N24" s="3" t="s">
        <v>53</v>
      </c>
      <c r="O24" s="3" t="s">
        <v>113</v>
      </c>
      <c r="P24" s="3" t="s">
        <v>37</v>
      </c>
      <c r="Q24" s="3" t="s">
        <v>37</v>
      </c>
      <c r="R24" s="3" t="s">
        <v>39</v>
      </c>
      <c r="S24" s="3" t="s">
        <v>182</v>
      </c>
      <c r="T24" s="3"/>
      <c r="U24" s="3" t="s">
        <v>37</v>
      </c>
      <c r="V24" s="3" t="s">
        <v>37</v>
      </c>
    </row>
    <row r="25" spans="1:22" x14ac:dyDescent="0.25">
      <c r="A25" s="3" t="s">
        <v>22</v>
      </c>
      <c r="B25" s="4" t="s">
        <v>23</v>
      </c>
      <c r="C25" s="3" t="s">
        <v>24</v>
      </c>
      <c r="D25" s="5" t="s">
        <v>183</v>
      </c>
      <c r="E25" s="3" t="s">
        <v>184</v>
      </c>
      <c r="F25" s="3" t="s">
        <v>185</v>
      </c>
      <c r="G25" s="3" t="s">
        <v>186</v>
      </c>
      <c r="H25" s="3" t="s">
        <v>50</v>
      </c>
      <c r="I25" s="3" t="s">
        <v>37</v>
      </c>
      <c r="J25" s="3" t="s">
        <v>187</v>
      </c>
      <c r="K25" s="3" t="s">
        <v>32</v>
      </c>
      <c r="L25" s="3" t="s">
        <v>106</v>
      </c>
      <c r="M25" s="3" t="s">
        <v>69</v>
      </c>
      <c r="N25" s="3" t="s">
        <v>53</v>
      </c>
      <c r="O25" s="3" t="s">
        <v>36</v>
      </c>
      <c r="P25" s="3" t="s">
        <v>37</v>
      </c>
      <c r="Q25" s="3" t="s">
        <v>37</v>
      </c>
      <c r="R25" s="3" t="s">
        <v>39</v>
      </c>
      <c r="S25" s="3" t="s">
        <v>188</v>
      </c>
      <c r="T25" s="3" t="s">
        <v>126</v>
      </c>
      <c r="U25" s="3" t="s">
        <v>37</v>
      </c>
      <c r="V25" s="3" t="s">
        <v>37</v>
      </c>
    </row>
    <row r="26" spans="1:22" x14ac:dyDescent="0.25">
      <c r="A26" s="3" t="s">
        <v>22</v>
      </c>
      <c r="B26" s="4" t="s">
        <v>23</v>
      </c>
      <c r="C26" s="3" t="s">
        <v>24</v>
      </c>
      <c r="D26" s="5" t="s">
        <v>189</v>
      </c>
      <c r="E26" s="3" t="s">
        <v>190</v>
      </c>
      <c r="F26" s="3" t="s">
        <v>37</v>
      </c>
      <c r="G26" s="3" t="s">
        <v>37</v>
      </c>
      <c r="H26" s="3" t="s">
        <v>37</v>
      </c>
      <c r="I26" s="3" t="s">
        <v>37</v>
      </c>
      <c r="J26" s="3" t="s">
        <v>191</v>
      </c>
      <c r="K26" s="3" t="s">
        <v>105</v>
      </c>
      <c r="L26" s="3" t="s">
        <v>106</v>
      </c>
      <c r="M26" s="3" t="s">
        <v>69</v>
      </c>
      <c r="N26" s="3" t="s">
        <v>107</v>
      </c>
      <c r="O26" s="3" t="s">
        <v>37</v>
      </c>
      <c r="P26" s="3" t="s">
        <v>37</v>
      </c>
      <c r="Q26" s="3" t="s">
        <v>37</v>
      </c>
      <c r="R26" s="3" t="s">
        <v>39</v>
      </c>
      <c r="S26" s="3" t="s">
        <v>192</v>
      </c>
      <c r="T26" s="3"/>
      <c r="U26" s="3" t="s">
        <v>37</v>
      </c>
      <c r="V26" s="3" t="s">
        <v>37</v>
      </c>
    </row>
    <row r="27" spans="1:22" x14ac:dyDescent="0.25">
      <c r="A27" s="3" t="s">
        <v>22</v>
      </c>
      <c r="B27" s="4" t="s">
        <v>23</v>
      </c>
      <c r="C27" s="3" t="s">
        <v>24</v>
      </c>
      <c r="D27" s="5" t="s">
        <v>193</v>
      </c>
      <c r="E27" s="3" t="s">
        <v>47</v>
      </c>
      <c r="F27" s="3" t="s">
        <v>194</v>
      </c>
      <c r="G27" s="3" t="s">
        <v>195</v>
      </c>
      <c r="H27" s="3" t="s">
        <v>29</v>
      </c>
      <c r="I27" s="3" t="s">
        <v>51</v>
      </c>
      <c r="J27" s="3" t="s">
        <v>196</v>
      </c>
      <c r="K27" s="3" t="s">
        <v>32</v>
      </c>
      <c r="L27" s="3" t="s">
        <v>33</v>
      </c>
      <c r="M27" s="3" t="s">
        <v>34</v>
      </c>
      <c r="N27" s="3" t="s">
        <v>131</v>
      </c>
      <c r="O27" s="3" t="s">
        <v>54</v>
      </c>
      <c r="P27" s="3" t="s">
        <v>55</v>
      </c>
      <c r="Q27" s="3" t="s">
        <v>38</v>
      </c>
      <c r="R27" s="3" t="s">
        <v>39</v>
      </c>
      <c r="S27" s="3" t="s">
        <v>197</v>
      </c>
      <c r="T27" s="3"/>
      <c r="U27" s="3" t="s">
        <v>37</v>
      </c>
      <c r="V27" s="3" t="s">
        <v>37</v>
      </c>
    </row>
    <row r="28" spans="1:22" x14ac:dyDescent="0.25">
      <c r="A28" s="3" t="s">
        <v>22</v>
      </c>
      <c r="B28" s="4" t="s">
        <v>23</v>
      </c>
      <c r="C28" s="3" t="s">
        <v>24</v>
      </c>
      <c r="D28" s="5" t="s">
        <v>198</v>
      </c>
      <c r="E28" s="3" t="s">
        <v>47</v>
      </c>
      <c r="F28" s="3" t="s">
        <v>199</v>
      </c>
      <c r="G28" s="3" t="s">
        <v>76</v>
      </c>
      <c r="H28" s="3" t="s">
        <v>60</v>
      </c>
      <c r="I28" s="3" t="s">
        <v>51</v>
      </c>
      <c r="J28" s="3" t="s">
        <v>200</v>
      </c>
      <c r="K28" s="3" t="s">
        <v>32</v>
      </c>
      <c r="L28" s="3" t="s">
        <v>33</v>
      </c>
      <c r="M28" s="3" t="s">
        <v>34</v>
      </c>
      <c r="N28" s="3" t="s">
        <v>62</v>
      </c>
      <c r="O28" s="3" t="s">
        <v>54</v>
      </c>
      <c r="P28" s="3" t="s">
        <v>55</v>
      </c>
      <c r="Q28" s="3" t="s">
        <v>37</v>
      </c>
      <c r="R28" s="3" t="s">
        <v>39</v>
      </c>
      <c r="S28" s="3" t="s">
        <v>201</v>
      </c>
      <c r="T28" s="3"/>
      <c r="U28" s="3" t="s">
        <v>37</v>
      </c>
      <c r="V28" s="3" t="s">
        <v>37</v>
      </c>
    </row>
    <row r="29" spans="1:22" x14ac:dyDescent="0.25">
      <c r="A29" s="3" t="s">
        <v>22</v>
      </c>
      <c r="B29" s="4" t="s">
        <v>23</v>
      </c>
      <c r="C29" s="3" t="s">
        <v>24</v>
      </c>
      <c r="D29" s="5" t="s">
        <v>202</v>
      </c>
      <c r="E29" s="3" t="s">
        <v>47</v>
      </c>
      <c r="F29" s="3" t="s">
        <v>203</v>
      </c>
      <c r="G29" s="3" t="s">
        <v>204</v>
      </c>
      <c r="H29" s="3" t="s">
        <v>50</v>
      </c>
      <c r="I29" s="3" t="s">
        <v>51</v>
      </c>
      <c r="J29" s="3" t="s">
        <v>205</v>
      </c>
      <c r="K29" s="3" t="s">
        <v>32</v>
      </c>
      <c r="L29" s="3" t="s">
        <v>33</v>
      </c>
      <c r="M29" s="3" t="s">
        <v>34</v>
      </c>
      <c r="N29" s="3" t="s">
        <v>53</v>
      </c>
      <c r="O29" s="3" t="s">
        <v>54</v>
      </c>
      <c r="P29" s="3" t="s">
        <v>55</v>
      </c>
      <c r="Q29" s="3" t="s">
        <v>37</v>
      </c>
      <c r="R29" s="3" t="s">
        <v>39</v>
      </c>
      <c r="S29" s="3" t="s">
        <v>206</v>
      </c>
      <c r="T29" s="3"/>
      <c r="U29" s="3" t="s">
        <v>37</v>
      </c>
      <c r="V29" s="3" t="s">
        <v>37</v>
      </c>
    </row>
    <row r="30" spans="1:22" x14ac:dyDescent="0.25">
      <c r="A30" s="3" t="s">
        <v>22</v>
      </c>
      <c r="B30" s="4" t="s">
        <v>23</v>
      </c>
      <c r="C30" s="3" t="s">
        <v>24</v>
      </c>
      <c r="D30" s="5" t="s">
        <v>207</v>
      </c>
      <c r="E30" s="3" t="s">
        <v>208</v>
      </c>
      <c r="F30" s="3" t="s">
        <v>37</v>
      </c>
      <c r="G30" s="3" t="s">
        <v>37</v>
      </c>
      <c r="H30" s="3" t="s">
        <v>37</v>
      </c>
      <c r="I30" s="3" t="s">
        <v>209</v>
      </c>
      <c r="J30" s="3" t="s">
        <v>210</v>
      </c>
      <c r="K30" s="3" t="s">
        <v>211</v>
      </c>
      <c r="L30" s="3" t="s">
        <v>37</v>
      </c>
      <c r="M30" s="3" t="s">
        <v>69</v>
      </c>
      <c r="N30" s="3" t="s">
        <v>212</v>
      </c>
      <c r="O30" s="3" t="s">
        <v>213</v>
      </c>
      <c r="P30" s="3" t="s">
        <v>37</v>
      </c>
      <c r="Q30" s="3" t="s">
        <v>37</v>
      </c>
      <c r="R30" s="3" t="s">
        <v>39</v>
      </c>
      <c r="S30" s="3" t="s">
        <v>214</v>
      </c>
      <c r="T30" s="3"/>
      <c r="U30" s="3" t="s">
        <v>37</v>
      </c>
      <c r="V30" s="3" t="s">
        <v>37</v>
      </c>
    </row>
    <row r="31" spans="1:22" x14ac:dyDescent="0.25">
      <c r="A31" s="3" t="s">
        <v>22</v>
      </c>
      <c r="B31" s="4" t="s">
        <v>23</v>
      </c>
      <c r="C31" s="3" t="s">
        <v>24</v>
      </c>
      <c r="D31" s="5" t="s">
        <v>215</v>
      </c>
      <c r="E31" s="3" t="s">
        <v>177</v>
      </c>
      <c r="F31" s="3" t="s">
        <v>178</v>
      </c>
      <c r="G31" s="3" t="s">
        <v>179</v>
      </c>
      <c r="H31" s="3" t="s">
        <v>180</v>
      </c>
      <c r="I31" s="3" t="s">
        <v>37</v>
      </c>
      <c r="J31" s="3" t="s">
        <v>181</v>
      </c>
      <c r="K31" s="3" t="s">
        <v>32</v>
      </c>
      <c r="L31" s="3" t="s">
        <v>106</v>
      </c>
      <c r="M31" s="3" t="s">
        <v>69</v>
      </c>
      <c r="N31" s="3" t="s">
        <v>53</v>
      </c>
      <c r="O31" s="3" t="s">
        <v>113</v>
      </c>
      <c r="P31" s="3" t="s">
        <v>37</v>
      </c>
      <c r="Q31" s="3" t="s">
        <v>37</v>
      </c>
      <c r="R31" s="3" t="s">
        <v>39</v>
      </c>
      <c r="S31" s="3" t="s">
        <v>182</v>
      </c>
      <c r="T31" s="3" t="s">
        <v>126</v>
      </c>
      <c r="U31" s="3" t="s">
        <v>37</v>
      </c>
      <c r="V31" s="3" t="s">
        <v>37</v>
      </c>
    </row>
    <row r="32" spans="1:22" x14ac:dyDescent="0.25">
      <c r="A32" s="3" t="s">
        <v>22</v>
      </c>
      <c r="B32" s="4" t="s">
        <v>23</v>
      </c>
      <c r="C32" s="3" t="s">
        <v>24</v>
      </c>
      <c r="D32" s="5" t="s">
        <v>216</v>
      </c>
      <c r="E32" s="3" t="s">
        <v>184</v>
      </c>
      <c r="F32" s="3" t="s">
        <v>185</v>
      </c>
      <c r="G32" s="3" t="s">
        <v>186</v>
      </c>
      <c r="H32" s="3" t="s">
        <v>50</v>
      </c>
      <c r="I32" s="3" t="s">
        <v>37</v>
      </c>
      <c r="J32" s="3" t="s">
        <v>187</v>
      </c>
      <c r="K32" s="3" t="s">
        <v>32</v>
      </c>
      <c r="L32" s="3" t="s">
        <v>106</v>
      </c>
      <c r="M32" s="3" t="s">
        <v>69</v>
      </c>
      <c r="N32" s="3" t="s">
        <v>53</v>
      </c>
      <c r="O32" s="3" t="s">
        <v>36</v>
      </c>
      <c r="P32" s="3" t="s">
        <v>37</v>
      </c>
      <c r="Q32" s="3" t="s">
        <v>37</v>
      </c>
      <c r="R32" s="3" t="s">
        <v>39</v>
      </c>
      <c r="S32" s="3" t="s">
        <v>188</v>
      </c>
      <c r="T32" s="3"/>
      <c r="U32" s="3" t="s">
        <v>37</v>
      </c>
      <c r="V32" s="3" t="s">
        <v>37</v>
      </c>
    </row>
    <row r="33" spans="1:22" x14ac:dyDescent="0.25">
      <c r="A33" s="3" t="s">
        <v>22</v>
      </c>
      <c r="B33" s="4" t="s">
        <v>23</v>
      </c>
      <c r="C33" s="3" t="s">
        <v>24</v>
      </c>
      <c r="D33" s="5" t="s">
        <v>217</v>
      </c>
      <c r="E33" s="3" t="s">
        <v>184</v>
      </c>
      <c r="F33" s="3" t="s">
        <v>218</v>
      </c>
      <c r="G33" s="3" t="s">
        <v>88</v>
      </c>
      <c r="H33" s="3" t="s">
        <v>50</v>
      </c>
      <c r="I33" s="3" t="s">
        <v>37</v>
      </c>
      <c r="J33" s="3" t="s">
        <v>219</v>
      </c>
      <c r="K33" s="3" t="s">
        <v>32</v>
      </c>
      <c r="L33" s="3" t="s">
        <v>106</v>
      </c>
      <c r="M33" s="3" t="s">
        <v>69</v>
      </c>
      <c r="N33" s="3" t="s">
        <v>53</v>
      </c>
      <c r="O33" s="3" t="s">
        <v>54</v>
      </c>
      <c r="P33" s="3" t="s">
        <v>37</v>
      </c>
      <c r="Q33" s="3" t="s">
        <v>37</v>
      </c>
      <c r="R33" s="3" t="s">
        <v>39</v>
      </c>
      <c r="S33" s="3" t="s">
        <v>220</v>
      </c>
      <c r="T33" s="3"/>
      <c r="U33" s="3" t="s">
        <v>37</v>
      </c>
      <c r="V33" s="3" t="s">
        <v>37</v>
      </c>
    </row>
    <row r="34" spans="1:22" x14ac:dyDescent="0.25">
      <c r="A34" s="3" t="s">
        <v>22</v>
      </c>
      <c r="B34" s="4" t="s">
        <v>23</v>
      </c>
      <c r="C34" s="3" t="s">
        <v>24</v>
      </c>
      <c r="D34" s="5" t="s">
        <v>221</v>
      </c>
      <c r="E34" s="3" t="s">
        <v>184</v>
      </c>
      <c r="F34" s="3" t="s">
        <v>222</v>
      </c>
      <c r="G34" s="3" t="s">
        <v>93</v>
      </c>
      <c r="H34" s="3" t="s">
        <v>50</v>
      </c>
      <c r="I34" s="3" t="s">
        <v>37</v>
      </c>
      <c r="J34" s="3" t="s">
        <v>223</v>
      </c>
      <c r="K34" s="3" t="s">
        <v>32</v>
      </c>
      <c r="L34" s="3" t="s">
        <v>106</v>
      </c>
      <c r="M34" s="3" t="s">
        <v>69</v>
      </c>
      <c r="N34" s="3" t="s">
        <v>53</v>
      </c>
      <c r="O34" s="3" t="s">
        <v>54</v>
      </c>
      <c r="P34" s="3" t="s">
        <v>37</v>
      </c>
      <c r="Q34" s="3" t="s">
        <v>37</v>
      </c>
      <c r="R34" s="3" t="s">
        <v>39</v>
      </c>
      <c r="S34" s="3" t="s">
        <v>224</v>
      </c>
      <c r="T34" s="3"/>
      <c r="U34" s="3" t="s">
        <v>37</v>
      </c>
      <c r="V34" s="3" t="s">
        <v>37</v>
      </c>
    </row>
    <row r="35" spans="1:22" x14ac:dyDescent="0.25">
      <c r="A35" s="3"/>
      <c r="B35" s="4"/>
      <c r="C35" s="3"/>
      <c r="D35" s="5"/>
      <c r="E35" s="6" t="s">
        <v>225</v>
      </c>
      <c r="F35" s="3"/>
      <c r="G35" s="3"/>
      <c r="H35" s="3"/>
      <c r="I35" s="3"/>
      <c r="J35" s="3"/>
      <c r="K35" s="3"/>
      <c r="L35" s="3"/>
      <c r="M35" s="3"/>
      <c r="N35" s="3"/>
      <c r="O35" s="3"/>
      <c r="P35" s="3"/>
      <c r="Q35" s="3"/>
      <c r="R35" s="3"/>
      <c r="S35" s="3"/>
      <c r="T35" s="3"/>
      <c r="U35" s="3"/>
      <c r="V35" s="3"/>
    </row>
    <row r="36" spans="1:22" x14ac:dyDescent="0.25">
      <c r="A36" s="3"/>
      <c r="B36" s="4"/>
      <c r="C36" s="3"/>
      <c r="D36" s="5"/>
      <c r="E36" s="6"/>
      <c r="F36" s="3"/>
      <c r="G36" s="3"/>
      <c r="H36" s="3"/>
      <c r="I36" s="3"/>
      <c r="J36" s="3"/>
      <c r="K36" s="3"/>
      <c r="L36" s="3"/>
      <c r="M36" s="3"/>
      <c r="N36" s="3"/>
      <c r="O36" s="3"/>
      <c r="P36" s="3"/>
      <c r="Q36" s="3"/>
      <c r="R36" s="3"/>
      <c r="S36" s="3"/>
      <c r="T36" s="3"/>
      <c r="U36" s="3"/>
      <c r="V36" s="3"/>
    </row>
    <row r="37" spans="1:22" x14ac:dyDescent="0.25">
      <c r="A37" s="3"/>
      <c r="B37" s="4"/>
      <c r="C37" s="3"/>
      <c r="D37" s="5"/>
      <c r="E37" s="3"/>
      <c r="F37" s="3"/>
      <c r="G37" s="3"/>
      <c r="H37" s="3"/>
      <c r="I37" s="3"/>
      <c r="J37" s="3"/>
      <c r="K37" s="3"/>
      <c r="L37" s="3"/>
      <c r="M37" s="3"/>
      <c r="N37" s="3"/>
      <c r="O37" s="3"/>
      <c r="P37" s="3"/>
      <c r="Q37" s="3"/>
      <c r="R37" s="3"/>
      <c r="S37" s="3"/>
      <c r="T37" s="3"/>
      <c r="U37" s="3"/>
      <c r="V37" s="3"/>
    </row>
    <row r="38" spans="1:22" x14ac:dyDescent="0.25">
      <c r="A38" s="3" t="s">
        <v>22</v>
      </c>
      <c r="B38" s="4" t="s">
        <v>226</v>
      </c>
      <c r="C38" s="3" t="s">
        <v>227</v>
      </c>
      <c r="D38" s="5" t="s">
        <v>25</v>
      </c>
      <c r="E38" s="3" t="s">
        <v>228</v>
      </c>
      <c r="F38" s="3" t="s">
        <v>229</v>
      </c>
      <c r="G38" s="3" t="s">
        <v>67</v>
      </c>
      <c r="H38" s="3" t="s">
        <v>29</v>
      </c>
      <c r="I38" s="3" t="s">
        <v>230</v>
      </c>
      <c r="J38" s="3" t="s">
        <v>231</v>
      </c>
      <c r="K38" s="3" t="s">
        <v>32</v>
      </c>
      <c r="L38" s="3" t="s">
        <v>33</v>
      </c>
      <c r="M38" s="3" t="s">
        <v>232</v>
      </c>
      <c r="N38" s="3" t="s">
        <v>53</v>
      </c>
      <c r="O38" s="3" t="s">
        <v>233</v>
      </c>
      <c r="P38" s="3" t="s">
        <v>37</v>
      </c>
      <c r="Q38" s="3" t="s">
        <v>37</v>
      </c>
      <c r="R38" s="3" t="s">
        <v>39</v>
      </c>
      <c r="S38" s="3" t="s">
        <v>234</v>
      </c>
      <c r="T38" s="3"/>
      <c r="U38" s="3" t="s">
        <v>37</v>
      </c>
      <c r="V38" s="3" t="s">
        <v>37</v>
      </c>
    </row>
    <row r="39" spans="1:22" x14ac:dyDescent="0.25">
      <c r="A39" s="3" t="s">
        <v>22</v>
      </c>
      <c r="B39" s="4" t="s">
        <v>226</v>
      </c>
      <c r="C39" s="3" t="s">
        <v>227</v>
      </c>
      <c r="D39" s="5" t="s">
        <v>235</v>
      </c>
      <c r="E39" s="3" t="s">
        <v>228</v>
      </c>
      <c r="F39" s="3" t="s">
        <v>236</v>
      </c>
      <c r="G39" s="3" t="s">
        <v>237</v>
      </c>
      <c r="H39" s="3" t="s">
        <v>29</v>
      </c>
      <c r="I39" s="3" t="s">
        <v>238</v>
      </c>
      <c r="J39" s="3" t="s">
        <v>239</v>
      </c>
      <c r="K39" s="3" t="s">
        <v>32</v>
      </c>
      <c r="L39" s="3" t="s">
        <v>33</v>
      </c>
      <c r="M39" s="3" t="s">
        <v>232</v>
      </c>
      <c r="N39" s="3" t="s">
        <v>53</v>
      </c>
      <c r="O39" s="3" t="s">
        <v>233</v>
      </c>
      <c r="P39" s="3" t="s">
        <v>37</v>
      </c>
      <c r="Q39" s="3" t="s">
        <v>37</v>
      </c>
      <c r="R39" s="3" t="s">
        <v>39</v>
      </c>
      <c r="S39" s="3" t="s">
        <v>240</v>
      </c>
      <c r="T39" s="3"/>
      <c r="U39" s="3" t="s">
        <v>37</v>
      </c>
      <c r="V39" s="3" t="s">
        <v>37</v>
      </c>
    </row>
    <row r="40" spans="1:22" x14ac:dyDescent="0.25">
      <c r="A40" s="3" t="s">
        <v>22</v>
      </c>
      <c r="B40" s="4" t="s">
        <v>226</v>
      </c>
      <c r="C40" s="3" t="s">
        <v>227</v>
      </c>
      <c r="D40" s="5" t="s">
        <v>41</v>
      </c>
      <c r="E40" s="3" t="s">
        <v>228</v>
      </c>
      <c r="F40" s="3" t="s">
        <v>241</v>
      </c>
      <c r="G40" s="3" t="s">
        <v>242</v>
      </c>
      <c r="H40" s="3" t="s">
        <v>29</v>
      </c>
      <c r="I40" s="3" t="s">
        <v>230</v>
      </c>
      <c r="J40" s="3" t="s">
        <v>243</v>
      </c>
      <c r="K40" s="3" t="s">
        <v>32</v>
      </c>
      <c r="L40" s="3" t="s">
        <v>33</v>
      </c>
      <c r="M40" s="3" t="s">
        <v>232</v>
      </c>
      <c r="N40" s="3" t="s">
        <v>53</v>
      </c>
      <c r="O40" s="3" t="s">
        <v>233</v>
      </c>
      <c r="P40" s="3" t="s">
        <v>37</v>
      </c>
      <c r="Q40" s="3" t="s">
        <v>37</v>
      </c>
      <c r="R40" s="3" t="s">
        <v>39</v>
      </c>
      <c r="S40" s="3" t="s">
        <v>244</v>
      </c>
      <c r="T40" s="3"/>
      <c r="U40" s="3" t="s">
        <v>37</v>
      </c>
      <c r="V40" s="3" t="s">
        <v>37</v>
      </c>
    </row>
    <row r="41" spans="1:22" x14ac:dyDescent="0.25">
      <c r="A41" s="3" t="s">
        <v>22</v>
      </c>
      <c r="B41" s="4" t="s">
        <v>226</v>
      </c>
      <c r="C41" s="3" t="s">
        <v>227</v>
      </c>
      <c r="D41" s="5" t="s">
        <v>245</v>
      </c>
      <c r="E41" s="3" t="s">
        <v>228</v>
      </c>
      <c r="F41" s="3" t="s">
        <v>246</v>
      </c>
      <c r="G41" s="3" t="s">
        <v>247</v>
      </c>
      <c r="H41" s="3" t="s">
        <v>29</v>
      </c>
      <c r="I41" s="3" t="s">
        <v>238</v>
      </c>
      <c r="J41" s="3" t="s">
        <v>248</v>
      </c>
      <c r="K41" s="3" t="s">
        <v>32</v>
      </c>
      <c r="L41" s="3" t="s">
        <v>33</v>
      </c>
      <c r="M41" s="3" t="s">
        <v>232</v>
      </c>
      <c r="N41" s="3" t="s">
        <v>53</v>
      </c>
      <c r="O41" s="3" t="s">
        <v>233</v>
      </c>
      <c r="P41" s="3" t="s">
        <v>37</v>
      </c>
      <c r="Q41" s="3" t="s">
        <v>37</v>
      </c>
      <c r="R41" s="3" t="s">
        <v>39</v>
      </c>
      <c r="S41" s="3" t="s">
        <v>249</v>
      </c>
      <c r="T41" s="3"/>
      <c r="U41" s="3" t="s">
        <v>37</v>
      </c>
      <c r="V41" s="3" t="s">
        <v>37</v>
      </c>
    </row>
    <row r="42" spans="1:22" x14ac:dyDescent="0.25">
      <c r="A42" s="3" t="s">
        <v>22</v>
      </c>
      <c r="B42" s="4" t="s">
        <v>226</v>
      </c>
      <c r="C42" s="3" t="s">
        <v>227</v>
      </c>
      <c r="D42" s="5" t="s">
        <v>46</v>
      </c>
      <c r="E42" s="3" t="s">
        <v>102</v>
      </c>
      <c r="F42" s="3" t="s">
        <v>37</v>
      </c>
      <c r="G42" s="3" t="s">
        <v>37</v>
      </c>
      <c r="H42" s="3" t="s">
        <v>37</v>
      </c>
      <c r="I42" s="3" t="s">
        <v>103</v>
      </c>
      <c r="J42" s="3" t="s">
        <v>104</v>
      </c>
      <c r="K42" s="3" t="s">
        <v>105</v>
      </c>
      <c r="L42" s="3" t="s">
        <v>106</v>
      </c>
      <c r="M42" s="3" t="s">
        <v>34</v>
      </c>
      <c r="N42" s="3" t="s">
        <v>107</v>
      </c>
      <c r="O42" s="3" t="s">
        <v>37</v>
      </c>
      <c r="P42" s="3" t="s">
        <v>37</v>
      </c>
      <c r="Q42" s="3" t="s">
        <v>37</v>
      </c>
      <c r="R42" s="3" t="s">
        <v>39</v>
      </c>
      <c r="S42" s="3" t="s">
        <v>108</v>
      </c>
      <c r="T42" s="3"/>
      <c r="U42" s="3" t="s">
        <v>37</v>
      </c>
      <c r="V42" s="3" t="s">
        <v>37</v>
      </c>
    </row>
    <row r="43" spans="1:22" x14ac:dyDescent="0.25">
      <c r="A43" s="3" t="s">
        <v>22</v>
      </c>
      <c r="B43" s="4" t="s">
        <v>226</v>
      </c>
      <c r="C43" s="3" t="s">
        <v>227</v>
      </c>
      <c r="D43" s="5" t="s">
        <v>64</v>
      </c>
      <c r="E43" s="3" t="s">
        <v>65</v>
      </c>
      <c r="F43" s="3" t="s">
        <v>250</v>
      </c>
      <c r="G43" s="3" t="s">
        <v>242</v>
      </c>
      <c r="H43" s="3" t="s">
        <v>29</v>
      </c>
      <c r="I43" s="3" t="s">
        <v>37</v>
      </c>
      <c r="J43" s="3" t="s">
        <v>251</v>
      </c>
      <c r="K43" s="3" t="s">
        <v>32</v>
      </c>
      <c r="L43" s="3" t="s">
        <v>33</v>
      </c>
      <c r="M43" s="3" t="s">
        <v>69</v>
      </c>
      <c r="N43" s="3" t="s">
        <v>53</v>
      </c>
      <c r="O43" s="3" t="s">
        <v>54</v>
      </c>
      <c r="P43" s="3" t="s">
        <v>37</v>
      </c>
      <c r="Q43" s="3" t="s">
        <v>37</v>
      </c>
      <c r="R43" s="3" t="s">
        <v>39</v>
      </c>
      <c r="S43" s="3" t="s">
        <v>252</v>
      </c>
      <c r="T43" s="3"/>
      <c r="U43" s="3" t="s">
        <v>37</v>
      </c>
      <c r="V43" s="3" t="s">
        <v>37</v>
      </c>
    </row>
    <row r="44" spans="1:22" x14ac:dyDescent="0.25">
      <c r="A44" s="3" t="s">
        <v>22</v>
      </c>
      <c r="B44" s="4" t="s">
        <v>226</v>
      </c>
      <c r="C44" s="3" t="s">
        <v>227</v>
      </c>
      <c r="D44" s="5" t="s">
        <v>73</v>
      </c>
      <c r="E44" s="3" t="s">
        <v>74</v>
      </c>
      <c r="F44" s="3" t="s">
        <v>254</v>
      </c>
      <c r="G44" s="3" t="s">
        <v>255</v>
      </c>
      <c r="H44" s="3" t="s">
        <v>50</v>
      </c>
      <c r="I44" s="3" t="s">
        <v>37</v>
      </c>
      <c r="J44" s="3" t="s">
        <v>256</v>
      </c>
      <c r="K44" s="3" t="s">
        <v>32</v>
      </c>
      <c r="L44" s="3" t="s">
        <v>33</v>
      </c>
      <c r="M44" s="3" t="s">
        <v>69</v>
      </c>
      <c r="N44" s="3" t="s">
        <v>159</v>
      </c>
      <c r="O44" s="3" t="s">
        <v>37</v>
      </c>
      <c r="P44" s="3" t="s">
        <v>55</v>
      </c>
      <c r="Q44" s="3" t="s">
        <v>37</v>
      </c>
      <c r="R44" s="3" t="s">
        <v>39</v>
      </c>
      <c r="S44" s="3" t="s">
        <v>257</v>
      </c>
      <c r="T44" s="3" t="s">
        <v>126</v>
      </c>
      <c r="U44" s="3" t="s">
        <v>37</v>
      </c>
      <c r="V44" s="3" t="s">
        <v>37</v>
      </c>
    </row>
    <row r="45" spans="1:22" x14ac:dyDescent="0.25">
      <c r="A45" s="3" t="s">
        <v>22</v>
      </c>
      <c r="B45" s="4" t="s">
        <v>226</v>
      </c>
      <c r="C45" s="3" t="s">
        <v>227</v>
      </c>
      <c r="D45" s="5" t="s">
        <v>81</v>
      </c>
      <c r="E45" s="3" t="s">
        <v>74</v>
      </c>
      <c r="F45" s="3" t="s">
        <v>258</v>
      </c>
      <c r="G45" s="3" t="s">
        <v>259</v>
      </c>
      <c r="H45" s="3" t="s">
        <v>50</v>
      </c>
      <c r="I45" s="3" t="s">
        <v>37</v>
      </c>
      <c r="J45" s="3" t="s">
        <v>256</v>
      </c>
      <c r="K45" s="3" t="s">
        <v>32</v>
      </c>
      <c r="L45" s="3" t="s">
        <v>33</v>
      </c>
      <c r="M45" s="3" t="s">
        <v>69</v>
      </c>
      <c r="N45" s="3" t="s">
        <v>159</v>
      </c>
      <c r="O45" s="3" t="s">
        <v>54</v>
      </c>
      <c r="P45" s="3" t="s">
        <v>55</v>
      </c>
      <c r="Q45" s="3" t="s">
        <v>37</v>
      </c>
      <c r="R45" s="3" t="s">
        <v>39</v>
      </c>
      <c r="S45" s="3" t="s">
        <v>260</v>
      </c>
      <c r="T45" s="3"/>
      <c r="U45" s="3" t="s">
        <v>37</v>
      </c>
      <c r="V45" s="3" t="s">
        <v>37</v>
      </c>
    </row>
    <row r="46" spans="1:22" x14ac:dyDescent="0.25">
      <c r="A46" s="3" t="s">
        <v>22</v>
      </c>
      <c r="B46" s="4" t="s">
        <v>226</v>
      </c>
      <c r="C46" s="3" t="s">
        <v>227</v>
      </c>
      <c r="D46" s="5" t="s">
        <v>261</v>
      </c>
      <c r="E46" s="3" t="s">
        <v>262</v>
      </c>
      <c r="F46" s="3" t="s">
        <v>37</v>
      </c>
      <c r="G46" s="3" t="s">
        <v>37</v>
      </c>
      <c r="H46" s="3" t="s">
        <v>37</v>
      </c>
      <c r="I46" s="3" t="s">
        <v>37</v>
      </c>
      <c r="J46" s="3" t="s">
        <v>37</v>
      </c>
      <c r="K46" s="3" t="s">
        <v>211</v>
      </c>
      <c r="L46" s="3" t="s">
        <v>33</v>
      </c>
      <c r="M46" s="3" t="s">
        <v>69</v>
      </c>
      <c r="N46" s="3" t="s">
        <v>159</v>
      </c>
      <c r="O46" s="3" t="s">
        <v>263</v>
      </c>
      <c r="P46" s="3" t="s">
        <v>55</v>
      </c>
      <c r="Q46" s="3" t="s">
        <v>37</v>
      </c>
      <c r="R46" s="3" t="s">
        <v>39</v>
      </c>
      <c r="S46" s="3" t="s">
        <v>264</v>
      </c>
      <c r="T46" s="3"/>
      <c r="U46" s="3" t="s">
        <v>37</v>
      </c>
      <c r="V46" s="3" t="s">
        <v>37</v>
      </c>
    </row>
    <row r="47" spans="1:22" x14ac:dyDescent="0.25">
      <c r="A47" s="3" t="s">
        <v>22</v>
      </c>
      <c r="B47" s="4" t="s">
        <v>226</v>
      </c>
      <c r="C47" s="3" t="s">
        <v>227</v>
      </c>
      <c r="D47" s="5" t="s">
        <v>96</v>
      </c>
      <c r="E47" s="3" t="s">
        <v>47</v>
      </c>
      <c r="F47" s="3" t="s">
        <v>265</v>
      </c>
      <c r="G47" s="3" t="s">
        <v>148</v>
      </c>
      <c r="H47" s="3" t="s">
        <v>29</v>
      </c>
      <c r="I47" s="3" t="s">
        <v>51</v>
      </c>
      <c r="J47" s="3" t="s">
        <v>266</v>
      </c>
      <c r="K47" s="3" t="s">
        <v>32</v>
      </c>
      <c r="L47" s="3" t="s">
        <v>33</v>
      </c>
      <c r="M47" s="3" t="s">
        <v>34</v>
      </c>
      <c r="N47" s="3" t="s">
        <v>131</v>
      </c>
      <c r="O47" s="3" t="s">
        <v>54</v>
      </c>
      <c r="P47" s="3" t="s">
        <v>55</v>
      </c>
      <c r="Q47" s="3" t="s">
        <v>38</v>
      </c>
      <c r="R47" s="3" t="s">
        <v>39</v>
      </c>
      <c r="S47" s="3" t="s">
        <v>267</v>
      </c>
      <c r="T47" s="3"/>
      <c r="U47" s="3" t="s">
        <v>37</v>
      </c>
      <c r="V47" s="3" t="s">
        <v>37</v>
      </c>
    </row>
    <row r="48" spans="1:22" x14ac:dyDescent="0.25">
      <c r="A48" s="3" t="s">
        <v>22</v>
      </c>
      <c r="B48" s="4" t="s">
        <v>226</v>
      </c>
      <c r="C48" s="3" t="s">
        <v>227</v>
      </c>
      <c r="D48" s="5" t="s">
        <v>101</v>
      </c>
      <c r="E48" s="3" t="s">
        <v>47</v>
      </c>
      <c r="F48" s="3" t="s">
        <v>268</v>
      </c>
      <c r="G48" s="3" t="s">
        <v>269</v>
      </c>
      <c r="H48" s="3" t="s">
        <v>29</v>
      </c>
      <c r="I48" s="3" t="s">
        <v>51</v>
      </c>
      <c r="J48" s="3" t="s">
        <v>270</v>
      </c>
      <c r="K48" s="3" t="s">
        <v>32</v>
      </c>
      <c r="L48" s="3" t="s">
        <v>33</v>
      </c>
      <c r="M48" s="3" t="s">
        <v>34</v>
      </c>
      <c r="N48" s="3" t="s">
        <v>131</v>
      </c>
      <c r="O48" s="3" t="s">
        <v>54</v>
      </c>
      <c r="P48" s="3" t="s">
        <v>55</v>
      </c>
      <c r="Q48" s="3" t="s">
        <v>38</v>
      </c>
      <c r="R48" s="3" t="s">
        <v>39</v>
      </c>
      <c r="S48" s="3" t="s">
        <v>271</v>
      </c>
      <c r="T48" s="3"/>
      <c r="U48" s="3" t="s">
        <v>37</v>
      </c>
      <c r="V48" s="3" t="s">
        <v>37</v>
      </c>
    </row>
    <row r="49" spans="1:22" x14ac:dyDescent="0.25">
      <c r="A49" s="3" t="s">
        <v>22</v>
      </c>
      <c r="B49" s="4" t="s">
        <v>226</v>
      </c>
      <c r="C49" s="3" t="s">
        <v>227</v>
      </c>
      <c r="D49" s="5" t="s">
        <v>272</v>
      </c>
      <c r="E49" s="3" t="s">
        <v>47</v>
      </c>
      <c r="F49" s="3" t="s">
        <v>273</v>
      </c>
      <c r="G49" s="3" t="s">
        <v>274</v>
      </c>
      <c r="H49" s="3" t="s">
        <v>60</v>
      </c>
      <c r="I49" s="3" t="s">
        <v>51</v>
      </c>
      <c r="J49" s="3" t="s">
        <v>275</v>
      </c>
      <c r="K49" s="3" t="s">
        <v>32</v>
      </c>
      <c r="L49" s="3" t="s">
        <v>33</v>
      </c>
      <c r="M49" s="3" t="s">
        <v>34</v>
      </c>
      <c r="N49" s="3" t="s">
        <v>62</v>
      </c>
      <c r="O49" s="3" t="s">
        <v>54</v>
      </c>
      <c r="P49" s="3" t="s">
        <v>55</v>
      </c>
      <c r="Q49" s="3" t="s">
        <v>37</v>
      </c>
      <c r="R49" s="3" t="s">
        <v>39</v>
      </c>
      <c r="S49" s="3" t="s">
        <v>276</v>
      </c>
      <c r="T49" s="3"/>
      <c r="U49" s="3" t="s">
        <v>37</v>
      </c>
      <c r="V49" s="3" t="s">
        <v>37</v>
      </c>
    </row>
    <row r="50" spans="1:22" x14ac:dyDescent="0.25">
      <c r="A50" s="3" t="s">
        <v>22</v>
      </c>
      <c r="B50" s="4" t="s">
        <v>226</v>
      </c>
      <c r="C50" s="3" t="s">
        <v>227</v>
      </c>
      <c r="D50" s="5" t="s">
        <v>109</v>
      </c>
      <c r="E50" s="3" t="s">
        <v>110</v>
      </c>
      <c r="F50" s="3" t="s">
        <v>277</v>
      </c>
      <c r="G50" s="3" t="s">
        <v>180</v>
      </c>
      <c r="H50" s="3" t="s">
        <v>29</v>
      </c>
      <c r="I50" s="3" t="s">
        <v>37</v>
      </c>
      <c r="J50" s="3" t="s">
        <v>278</v>
      </c>
      <c r="K50" s="3" t="s">
        <v>32</v>
      </c>
      <c r="L50" s="3" t="s">
        <v>106</v>
      </c>
      <c r="M50" s="3" t="s">
        <v>69</v>
      </c>
      <c r="N50" s="3" t="s">
        <v>53</v>
      </c>
      <c r="O50" s="3" t="s">
        <v>54</v>
      </c>
      <c r="P50" s="3" t="s">
        <v>55</v>
      </c>
      <c r="Q50" s="3" t="s">
        <v>37</v>
      </c>
      <c r="R50" s="3" t="s">
        <v>39</v>
      </c>
      <c r="S50" s="3" t="s">
        <v>279</v>
      </c>
      <c r="T50" s="3"/>
      <c r="U50" s="3" t="s">
        <v>37</v>
      </c>
      <c r="V50" s="3" t="s">
        <v>37</v>
      </c>
    </row>
    <row r="51" spans="1:22" x14ac:dyDescent="0.25">
      <c r="A51" s="3" t="s">
        <v>22</v>
      </c>
      <c r="B51" s="4" t="s">
        <v>226</v>
      </c>
      <c r="C51" s="3" t="s">
        <v>227</v>
      </c>
      <c r="D51" s="5" t="s">
        <v>115</v>
      </c>
      <c r="E51" s="3" t="s">
        <v>116</v>
      </c>
      <c r="F51" s="3" t="s">
        <v>280</v>
      </c>
      <c r="G51" s="3" t="s">
        <v>281</v>
      </c>
      <c r="H51" s="3" t="s">
        <v>29</v>
      </c>
      <c r="I51" s="3" t="s">
        <v>119</v>
      </c>
      <c r="J51" s="3" t="s">
        <v>282</v>
      </c>
      <c r="K51" s="3" t="s">
        <v>32</v>
      </c>
      <c r="L51" s="3" t="s">
        <v>33</v>
      </c>
      <c r="M51" s="3" t="s">
        <v>69</v>
      </c>
      <c r="N51" s="3" t="s">
        <v>53</v>
      </c>
      <c r="O51" s="3" t="s">
        <v>54</v>
      </c>
      <c r="P51" s="3" t="s">
        <v>37</v>
      </c>
      <c r="Q51" s="3" t="s">
        <v>37</v>
      </c>
      <c r="R51" s="3" t="s">
        <v>39</v>
      </c>
      <c r="S51" s="3" t="s">
        <v>283</v>
      </c>
      <c r="T51" s="3"/>
      <c r="U51" s="3" t="s">
        <v>37</v>
      </c>
      <c r="V51" s="3" t="s">
        <v>37</v>
      </c>
    </row>
    <row r="52" spans="1:22" x14ac:dyDescent="0.25">
      <c r="A52" s="3" t="s">
        <v>22</v>
      </c>
      <c r="B52" s="4" t="s">
        <v>226</v>
      </c>
      <c r="C52" s="3" t="s">
        <v>227</v>
      </c>
      <c r="D52" s="5" t="s">
        <v>122</v>
      </c>
      <c r="E52" s="3" t="s">
        <v>116</v>
      </c>
      <c r="F52" s="3" t="s">
        <v>284</v>
      </c>
      <c r="G52" s="3" t="s">
        <v>285</v>
      </c>
      <c r="H52" s="3" t="s">
        <v>29</v>
      </c>
      <c r="I52" s="3" t="s">
        <v>119</v>
      </c>
      <c r="J52" s="3" t="s">
        <v>286</v>
      </c>
      <c r="K52" s="3" t="s">
        <v>32</v>
      </c>
      <c r="L52" s="3" t="s">
        <v>33</v>
      </c>
      <c r="M52" s="3" t="s">
        <v>69</v>
      </c>
      <c r="N52" s="3" t="s">
        <v>53</v>
      </c>
      <c r="O52" s="3" t="s">
        <v>287</v>
      </c>
      <c r="P52" s="3" t="s">
        <v>37</v>
      </c>
      <c r="Q52" s="3" t="s">
        <v>37</v>
      </c>
      <c r="R52" s="3" t="s">
        <v>39</v>
      </c>
      <c r="S52" s="3" t="s">
        <v>288</v>
      </c>
      <c r="T52" s="3"/>
      <c r="U52" s="3" t="s">
        <v>37</v>
      </c>
      <c r="V52" s="3" t="s">
        <v>37</v>
      </c>
    </row>
    <row r="53" spans="1:22" x14ac:dyDescent="0.25">
      <c r="A53" s="3" t="s">
        <v>22</v>
      </c>
      <c r="B53" s="4" t="s">
        <v>226</v>
      </c>
      <c r="C53" s="3" t="s">
        <v>227</v>
      </c>
      <c r="D53" s="5" t="s">
        <v>127</v>
      </c>
      <c r="E53" s="3" t="s">
        <v>47</v>
      </c>
      <c r="F53" s="3" t="s">
        <v>87</v>
      </c>
      <c r="G53" s="3" t="s">
        <v>88</v>
      </c>
      <c r="H53" s="3" t="s">
        <v>50</v>
      </c>
      <c r="I53" s="3" t="s">
        <v>51</v>
      </c>
      <c r="J53" s="3" t="s">
        <v>89</v>
      </c>
      <c r="K53" s="3" t="s">
        <v>32</v>
      </c>
      <c r="L53" s="3" t="s">
        <v>33</v>
      </c>
      <c r="M53" s="3" t="s">
        <v>34</v>
      </c>
      <c r="N53" s="3" t="s">
        <v>53</v>
      </c>
      <c r="O53" s="3" t="s">
        <v>37</v>
      </c>
      <c r="P53" s="3" t="s">
        <v>37</v>
      </c>
      <c r="Q53" s="3" t="s">
        <v>37</v>
      </c>
      <c r="R53" s="3" t="s">
        <v>37</v>
      </c>
      <c r="S53" s="3" t="s">
        <v>37</v>
      </c>
      <c r="T53" s="3"/>
      <c r="U53" s="3" t="s">
        <v>37</v>
      </c>
      <c r="V53" s="3" t="s">
        <v>37</v>
      </c>
    </row>
    <row r="54" spans="1:22" x14ac:dyDescent="0.25">
      <c r="A54" s="3" t="s">
        <v>22</v>
      </c>
      <c r="B54" s="4" t="s">
        <v>226</v>
      </c>
      <c r="C54" s="3" t="s">
        <v>227</v>
      </c>
      <c r="D54" s="5" t="s">
        <v>133</v>
      </c>
      <c r="E54" s="3" t="s">
        <v>47</v>
      </c>
      <c r="F54" s="3" t="s">
        <v>92</v>
      </c>
      <c r="G54" s="3" t="s">
        <v>93</v>
      </c>
      <c r="H54" s="3" t="s">
        <v>50</v>
      </c>
      <c r="I54" s="3" t="s">
        <v>51</v>
      </c>
      <c r="J54" s="3" t="s">
        <v>94</v>
      </c>
      <c r="K54" s="3" t="s">
        <v>32</v>
      </c>
      <c r="L54" s="3" t="s">
        <v>33</v>
      </c>
      <c r="M54" s="3" t="s">
        <v>34</v>
      </c>
      <c r="N54" s="3" t="s">
        <v>53</v>
      </c>
      <c r="O54" s="3" t="s">
        <v>37</v>
      </c>
      <c r="P54" s="3" t="s">
        <v>37</v>
      </c>
      <c r="Q54" s="3" t="s">
        <v>37</v>
      </c>
      <c r="R54" s="3" t="s">
        <v>37</v>
      </c>
      <c r="S54" s="3" t="s">
        <v>37</v>
      </c>
      <c r="T54" s="3"/>
      <c r="U54" s="3" t="s">
        <v>37</v>
      </c>
      <c r="V54" s="3" t="s">
        <v>37</v>
      </c>
    </row>
    <row r="55" spans="1:22" x14ac:dyDescent="0.25">
      <c r="A55" s="3" t="s">
        <v>22</v>
      </c>
      <c r="B55" s="4" t="s">
        <v>226</v>
      </c>
      <c r="C55" s="3" t="s">
        <v>227</v>
      </c>
      <c r="D55" s="5" t="s">
        <v>138</v>
      </c>
      <c r="E55" s="3" t="s">
        <v>139</v>
      </c>
      <c r="F55" s="3" t="s">
        <v>289</v>
      </c>
      <c r="G55" s="3" t="s">
        <v>290</v>
      </c>
      <c r="H55" s="3" t="s">
        <v>29</v>
      </c>
      <c r="I55" s="3" t="s">
        <v>291</v>
      </c>
      <c r="J55" s="3" t="s">
        <v>292</v>
      </c>
      <c r="K55" s="3" t="s">
        <v>32</v>
      </c>
      <c r="L55" s="3" t="s">
        <v>33</v>
      </c>
      <c r="M55" s="3" t="s">
        <v>69</v>
      </c>
      <c r="N55" s="3" t="s">
        <v>79</v>
      </c>
      <c r="O55" s="3" t="s">
        <v>54</v>
      </c>
      <c r="P55" s="3" t="s">
        <v>37</v>
      </c>
      <c r="Q55" s="3" t="s">
        <v>37</v>
      </c>
      <c r="R55" s="3" t="s">
        <v>39</v>
      </c>
      <c r="S55" s="3" t="s">
        <v>293</v>
      </c>
      <c r="T55" s="3"/>
      <c r="U55" s="3" t="s">
        <v>37</v>
      </c>
      <c r="V55" s="3" t="s">
        <v>145</v>
      </c>
    </row>
    <row r="56" spans="1:22" x14ac:dyDescent="0.25">
      <c r="A56" s="3" t="s">
        <v>22</v>
      </c>
      <c r="B56" s="4" t="s">
        <v>226</v>
      </c>
      <c r="C56" s="3" t="s">
        <v>227</v>
      </c>
      <c r="D56" s="5" t="s">
        <v>146</v>
      </c>
      <c r="E56" s="3" t="s">
        <v>139</v>
      </c>
      <c r="F56" s="3" t="s">
        <v>294</v>
      </c>
      <c r="G56" s="3" t="s">
        <v>295</v>
      </c>
      <c r="H56" s="3" t="s">
        <v>29</v>
      </c>
      <c r="I56" s="3" t="s">
        <v>296</v>
      </c>
      <c r="J56" s="3" t="s">
        <v>297</v>
      </c>
      <c r="K56" s="3" t="s">
        <v>32</v>
      </c>
      <c r="L56" s="3" t="s">
        <v>33</v>
      </c>
      <c r="M56" s="3" t="s">
        <v>69</v>
      </c>
      <c r="N56" s="3" t="s">
        <v>79</v>
      </c>
      <c r="O56" s="3" t="s">
        <v>54</v>
      </c>
      <c r="P56" s="3" t="s">
        <v>37</v>
      </c>
      <c r="Q56" s="3" t="s">
        <v>37</v>
      </c>
      <c r="R56" s="3" t="s">
        <v>39</v>
      </c>
      <c r="S56" s="3" t="s">
        <v>298</v>
      </c>
      <c r="T56" s="3"/>
      <c r="U56" s="3" t="s">
        <v>37</v>
      </c>
      <c r="V56" s="3" t="s">
        <v>145</v>
      </c>
    </row>
    <row r="57" spans="1:22" x14ac:dyDescent="0.25">
      <c r="A57" s="3" t="s">
        <v>22</v>
      </c>
      <c r="B57" s="4" t="s">
        <v>226</v>
      </c>
      <c r="C57" s="3" t="s">
        <v>227</v>
      </c>
      <c r="D57" s="5" t="s">
        <v>154</v>
      </c>
      <c r="E57" s="3" t="s">
        <v>155</v>
      </c>
      <c r="F57" s="3" t="s">
        <v>299</v>
      </c>
      <c r="G57" s="3" t="s">
        <v>269</v>
      </c>
      <c r="H57" s="3" t="s">
        <v>29</v>
      </c>
      <c r="I57" s="3" t="s">
        <v>164</v>
      </c>
      <c r="J57" s="3" t="s">
        <v>300</v>
      </c>
      <c r="K57" s="3" t="s">
        <v>32</v>
      </c>
      <c r="L57" s="3" t="s">
        <v>33</v>
      </c>
      <c r="M57" s="3" t="s">
        <v>34</v>
      </c>
      <c r="N57" s="3" t="s">
        <v>79</v>
      </c>
      <c r="O57" s="3" t="s">
        <v>166</v>
      </c>
      <c r="P57" s="3" t="s">
        <v>37</v>
      </c>
      <c r="Q57" s="3" t="s">
        <v>37</v>
      </c>
      <c r="R57" s="3" t="s">
        <v>39</v>
      </c>
      <c r="S57" s="3" t="s">
        <v>301</v>
      </c>
      <c r="T57" s="3"/>
      <c r="U57" s="3" t="s">
        <v>37</v>
      </c>
      <c r="V57" s="3" t="s">
        <v>37</v>
      </c>
    </row>
    <row r="58" spans="1:22" x14ac:dyDescent="0.25">
      <c r="A58" s="3" t="s">
        <v>22</v>
      </c>
      <c r="B58" s="4" t="s">
        <v>226</v>
      </c>
      <c r="C58" s="3" t="s">
        <v>227</v>
      </c>
      <c r="D58" s="5" t="s">
        <v>302</v>
      </c>
      <c r="E58" s="3" t="s">
        <v>155</v>
      </c>
      <c r="F58" s="3" t="s">
        <v>303</v>
      </c>
      <c r="G58" s="3" t="s">
        <v>67</v>
      </c>
      <c r="H58" s="3" t="s">
        <v>29</v>
      </c>
      <c r="I58" s="3" t="s">
        <v>164</v>
      </c>
      <c r="J58" s="3" t="s">
        <v>304</v>
      </c>
      <c r="K58" s="3" t="s">
        <v>32</v>
      </c>
      <c r="L58" s="3" t="s">
        <v>33</v>
      </c>
      <c r="M58" s="3" t="s">
        <v>34</v>
      </c>
      <c r="N58" s="3" t="s">
        <v>79</v>
      </c>
      <c r="O58" s="3" t="s">
        <v>166</v>
      </c>
      <c r="P58" s="3" t="s">
        <v>37</v>
      </c>
      <c r="Q58" s="3" t="s">
        <v>37</v>
      </c>
      <c r="R58" s="3" t="s">
        <v>39</v>
      </c>
      <c r="S58" s="3" t="s">
        <v>305</v>
      </c>
      <c r="T58" s="3"/>
      <c r="U58" s="3" t="s">
        <v>37</v>
      </c>
      <c r="V58" s="3" t="s">
        <v>37</v>
      </c>
    </row>
    <row r="59" spans="1:22" x14ac:dyDescent="0.25">
      <c r="A59" s="3" t="s">
        <v>22</v>
      </c>
      <c r="B59" s="4" t="s">
        <v>226</v>
      </c>
      <c r="C59" s="3" t="s">
        <v>227</v>
      </c>
      <c r="D59" s="5" t="s">
        <v>161</v>
      </c>
      <c r="E59" s="3" t="s">
        <v>155</v>
      </c>
      <c r="F59" s="3" t="s">
        <v>306</v>
      </c>
      <c r="G59" s="3" t="s">
        <v>237</v>
      </c>
      <c r="H59" s="3" t="s">
        <v>29</v>
      </c>
      <c r="I59" s="3" t="s">
        <v>164</v>
      </c>
      <c r="J59" s="3" t="s">
        <v>307</v>
      </c>
      <c r="K59" s="3" t="s">
        <v>32</v>
      </c>
      <c r="L59" s="3" t="s">
        <v>33</v>
      </c>
      <c r="M59" s="3" t="s">
        <v>34</v>
      </c>
      <c r="N59" s="3" t="s">
        <v>79</v>
      </c>
      <c r="O59" s="3" t="s">
        <v>166</v>
      </c>
      <c r="P59" s="3" t="s">
        <v>37</v>
      </c>
      <c r="Q59" s="3" t="s">
        <v>37</v>
      </c>
      <c r="R59" s="3" t="s">
        <v>39</v>
      </c>
      <c r="S59" s="3" t="s">
        <v>308</v>
      </c>
      <c r="T59" s="3"/>
      <c r="U59" s="3" t="s">
        <v>37</v>
      </c>
      <c r="V59" s="3" t="s">
        <v>37</v>
      </c>
    </row>
    <row r="60" spans="1:22" x14ac:dyDescent="0.25">
      <c r="A60" s="3" t="s">
        <v>22</v>
      </c>
      <c r="B60" s="4" t="s">
        <v>226</v>
      </c>
      <c r="C60" s="3" t="s">
        <v>227</v>
      </c>
      <c r="D60" s="5" t="s">
        <v>168</v>
      </c>
      <c r="E60" s="3" t="s">
        <v>74</v>
      </c>
      <c r="F60" s="3" t="s">
        <v>309</v>
      </c>
      <c r="G60" s="3" t="s">
        <v>253</v>
      </c>
      <c r="H60" s="3" t="s">
        <v>60</v>
      </c>
      <c r="I60" s="3" t="s">
        <v>77</v>
      </c>
      <c r="J60" s="3" t="s">
        <v>310</v>
      </c>
      <c r="K60" s="3" t="s">
        <v>32</v>
      </c>
      <c r="L60" s="3" t="s">
        <v>33</v>
      </c>
      <c r="M60" s="3" t="s">
        <v>69</v>
      </c>
      <c r="N60" s="3" t="s">
        <v>79</v>
      </c>
      <c r="O60" s="3" t="s">
        <v>54</v>
      </c>
      <c r="P60" s="3" t="s">
        <v>55</v>
      </c>
      <c r="Q60" s="3" t="s">
        <v>37</v>
      </c>
      <c r="R60" s="3" t="s">
        <v>39</v>
      </c>
      <c r="S60" s="3" t="s">
        <v>311</v>
      </c>
      <c r="T60" s="3"/>
      <c r="U60" s="3" t="s">
        <v>37</v>
      </c>
      <c r="V60" s="3" t="s">
        <v>37</v>
      </c>
    </row>
    <row r="61" spans="1:22" x14ac:dyDescent="0.25">
      <c r="A61" s="3" t="s">
        <v>22</v>
      </c>
      <c r="B61" s="4" t="s">
        <v>226</v>
      </c>
      <c r="C61" s="3" t="s">
        <v>227</v>
      </c>
      <c r="D61" s="5" t="s">
        <v>172</v>
      </c>
      <c r="E61" s="3" t="s">
        <v>74</v>
      </c>
      <c r="F61" s="3" t="s">
        <v>312</v>
      </c>
      <c r="G61" s="3" t="s">
        <v>313</v>
      </c>
      <c r="H61" s="3" t="s">
        <v>60</v>
      </c>
      <c r="I61" s="3" t="s">
        <v>77</v>
      </c>
      <c r="J61" s="3" t="s">
        <v>314</v>
      </c>
      <c r="K61" s="3" t="s">
        <v>32</v>
      </c>
      <c r="L61" s="3" t="s">
        <v>33</v>
      </c>
      <c r="M61" s="3" t="s">
        <v>69</v>
      </c>
      <c r="N61" s="3" t="s">
        <v>79</v>
      </c>
      <c r="O61" s="3" t="s">
        <v>54</v>
      </c>
      <c r="P61" s="3" t="s">
        <v>55</v>
      </c>
      <c r="Q61" s="3" t="s">
        <v>37</v>
      </c>
      <c r="R61" s="3" t="s">
        <v>39</v>
      </c>
      <c r="S61" s="3" t="s">
        <v>315</v>
      </c>
      <c r="T61" s="3"/>
      <c r="U61" s="3" t="s">
        <v>37</v>
      </c>
      <c r="V61" s="3" t="s">
        <v>37</v>
      </c>
    </row>
    <row r="62" spans="1:22" x14ac:dyDescent="0.25">
      <c r="A62" s="3" t="s">
        <v>22</v>
      </c>
      <c r="B62" s="4" t="s">
        <v>226</v>
      </c>
      <c r="C62" s="3" t="s">
        <v>227</v>
      </c>
      <c r="D62" s="5" t="s">
        <v>176</v>
      </c>
      <c r="E62" s="3" t="s">
        <v>47</v>
      </c>
      <c r="F62" s="3" t="s">
        <v>316</v>
      </c>
      <c r="G62" s="3" t="s">
        <v>317</v>
      </c>
      <c r="H62" s="3" t="s">
        <v>50</v>
      </c>
      <c r="I62" s="3" t="s">
        <v>51</v>
      </c>
      <c r="J62" s="3" t="s">
        <v>318</v>
      </c>
      <c r="K62" s="3" t="s">
        <v>32</v>
      </c>
      <c r="L62" s="3" t="s">
        <v>33</v>
      </c>
      <c r="M62" s="3" t="s">
        <v>34</v>
      </c>
      <c r="N62" s="3" t="s">
        <v>53</v>
      </c>
      <c r="O62" s="3" t="s">
        <v>54</v>
      </c>
      <c r="P62" s="3" t="s">
        <v>55</v>
      </c>
      <c r="Q62" s="3" t="s">
        <v>37</v>
      </c>
      <c r="R62" s="3" t="s">
        <v>39</v>
      </c>
      <c r="S62" s="3" t="s">
        <v>319</v>
      </c>
      <c r="T62" s="3"/>
      <c r="U62" s="3" t="s">
        <v>37</v>
      </c>
      <c r="V62" s="3" t="s">
        <v>37</v>
      </c>
    </row>
    <row r="63" spans="1:22" x14ac:dyDescent="0.25">
      <c r="A63" s="3" t="s">
        <v>22</v>
      </c>
      <c r="B63" s="4" t="s">
        <v>226</v>
      </c>
      <c r="C63" s="3" t="s">
        <v>227</v>
      </c>
      <c r="D63" s="5" t="s">
        <v>183</v>
      </c>
      <c r="E63" s="3" t="s">
        <v>47</v>
      </c>
      <c r="F63" s="3" t="s">
        <v>320</v>
      </c>
      <c r="G63" s="3" t="s">
        <v>321</v>
      </c>
      <c r="H63" s="3" t="s">
        <v>50</v>
      </c>
      <c r="I63" s="3" t="s">
        <v>51</v>
      </c>
      <c r="J63" s="3" t="s">
        <v>322</v>
      </c>
      <c r="K63" s="3" t="s">
        <v>32</v>
      </c>
      <c r="L63" s="3" t="s">
        <v>33</v>
      </c>
      <c r="M63" s="3" t="s">
        <v>34</v>
      </c>
      <c r="N63" s="3" t="s">
        <v>53</v>
      </c>
      <c r="O63" s="3" t="s">
        <v>54</v>
      </c>
      <c r="P63" s="3" t="s">
        <v>55</v>
      </c>
      <c r="Q63" s="3" t="s">
        <v>37</v>
      </c>
      <c r="R63" s="3" t="s">
        <v>39</v>
      </c>
      <c r="S63" s="3" t="s">
        <v>323</v>
      </c>
      <c r="T63" s="3"/>
      <c r="U63" s="3" t="s">
        <v>37</v>
      </c>
      <c r="V63" s="3" t="s">
        <v>37</v>
      </c>
    </row>
    <row r="64" spans="1:22" x14ac:dyDescent="0.25">
      <c r="A64" s="3" t="s">
        <v>22</v>
      </c>
      <c r="B64" s="4" t="s">
        <v>226</v>
      </c>
      <c r="C64" s="3" t="s">
        <v>227</v>
      </c>
      <c r="D64" s="5" t="s">
        <v>189</v>
      </c>
      <c r="E64" s="3" t="s">
        <v>74</v>
      </c>
      <c r="F64" s="3" t="s">
        <v>324</v>
      </c>
      <c r="G64" s="3" t="s">
        <v>325</v>
      </c>
      <c r="H64" s="3" t="s">
        <v>50</v>
      </c>
      <c r="I64" s="3" t="s">
        <v>37</v>
      </c>
      <c r="J64" s="3" t="s">
        <v>326</v>
      </c>
      <c r="K64" s="3" t="s">
        <v>32</v>
      </c>
      <c r="L64" s="3" t="s">
        <v>33</v>
      </c>
      <c r="M64" s="3" t="s">
        <v>69</v>
      </c>
      <c r="N64" s="3" t="s">
        <v>159</v>
      </c>
      <c r="O64" s="3" t="s">
        <v>54</v>
      </c>
      <c r="P64" s="3" t="s">
        <v>55</v>
      </c>
      <c r="Q64" s="3" t="s">
        <v>37</v>
      </c>
      <c r="R64" s="3" t="s">
        <v>39</v>
      </c>
      <c r="S64" s="3" t="s">
        <v>327</v>
      </c>
      <c r="T64" s="3"/>
      <c r="U64" s="3" t="s">
        <v>37</v>
      </c>
      <c r="V64" s="3" t="s">
        <v>37</v>
      </c>
    </row>
    <row r="65" spans="1:22" x14ac:dyDescent="0.25">
      <c r="A65" s="3" t="s">
        <v>22</v>
      </c>
      <c r="B65" s="4" t="s">
        <v>226</v>
      </c>
      <c r="C65" s="3" t="s">
        <v>227</v>
      </c>
      <c r="D65" s="5" t="s">
        <v>328</v>
      </c>
      <c r="E65" s="3" t="s">
        <v>74</v>
      </c>
      <c r="F65" s="3" t="s">
        <v>254</v>
      </c>
      <c r="G65" s="3" t="s">
        <v>255</v>
      </c>
      <c r="H65" s="3" t="s">
        <v>50</v>
      </c>
      <c r="I65" s="3" t="s">
        <v>37</v>
      </c>
      <c r="J65" s="3" t="s">
        <v>256</v>
      </c>
      <c r="K65" s="3" t="s">
        <v>32</v>
      </c>
      <c r="L65" s="3" t="s">
        <v>33</v>
      </c>
      <c r="M65" s="3" t="s">
        <v>69</v>
      </c>
      <c r="N65" s="3" t="s">
        <v>159</v>
      </c>
      <c r="O65" s="3" t="s">
        <v>37</v>
      </c>
      <c r="P65" s="3" t="s">
        <v>37</v>
      </c>
      <c r="Q65" s="3" t="s">
        <v>37</v>
      </c>
      <c r="R65" s="3" t="s">
        <v>37</v>
      </c>
      <c r="S65" s="3" t="s">
        <v>37</v>
      </c>
      <c r="T65" s="3"/>
      <c r="U65" s="3" t="s">
        <v>37</v>
      </c>
      <c r="V65" s="3" t="s">
        <v>37</v>
      </c>
    </row>
    <row r="66" spans="1:22" x14ac:dyDescent="0.25">
      <c r="A66" s="3" t="s">
        <v>22</v>
      </c>
      <c r="B66" s="4" t="s">
        <v>226</v>
      </c>
      <c r="C66" s="3" t="s">
        <v>227</v>
      </c>
      <c r="D66" s="5" t="s">
        <v>329</v>
      </c>
      <c r="E66" s="3" t="s">
        <v>74</v>
      </c>
      <c r="F66" s="3" t="s">
        <v>330</v>
      </c>
      <c r="G66" s="3" t="s">
        <v>179</v>
      </c>
      <c r="H66" s="3" t="s">
        <v>50</v>
      </c>
      <c r="I66" s="3" t="s">
        <v>37</v>
      </c>
      <c r="J66" s="3" t="s">
        <v>331</v>
      </c>
      <c r="K66" s="3" t="s">
        <v>32</v>
      </c>
      <c r="L66" s="3" t="s">
        <v>33</v>
      </c>
      <c r="M66" s="3" t="s">
        <v>69</v>
      </c>
      <c r="N66" s="3" t="s">
        <v>159</v>
      </c>
      <c r="O66" s="3" t="s">
        <v>54</v>
      </c>
      <c r="P66" s="3" t="s">
        <v>55</v>
      </c>
      <c r="Q66" s="3" t="s">
        <v>37</v>
      </c>
      <c r="R66" s="3" t="s">
        <v>39</v>
      </c>
      <c r="S66" s="3" t="s">
        <v>332</v>
      </c>
      <c r="T66" s="3"/>
      <c r="U66" s="3" t="s">
        <v>37</v>
      </c>
      <c r="V66" s="3" t="s">
        <v>37</v>
      </c>
    </row>
    <row r="67" spans="1:22" x14ac:dyDescent="0.25">
      <c r="A67" s="3" t="s">
        <v>22</v>
      </c>
      <c r="B67" s="4" t="s">
        <v>226</v>
      </c>
      <c r="C67" s="3" t="s">
        <v>227</v>
      </c>
      <c r="D67" s="5" t="s">
        <v>333</v>
      </c>
      <c r="E67" s="3" t="s">
        <v>47</v>
      </c>
      <c r="F67" s="3" t="s">
        <v>334</v>
      </c>
      <c r="G67" s="3" t="s">
        <v>247</v>
      </c>
      <c r="H67" s="3" t="s">
        <v>29</v>
      </c>
      <c r="I67" s="3" t="s">
        <v>51</v>
      </c>
      <c r="J67" s="3" t="s">
        <v>335</v>
      </c>
      <c r="K67" s="3" t="s">
        <v>32</v>
      </c>
      <c r="L67" s="3" t="s">
        <v>33</v>
      </c>
      <c r="M67" s="3" t="s">
        <v>34</v>
      </c>
      <c r="N67" s="3" t="s">
        <v>131</v>
      </c>
      <c r="O67" s="3" t="s">
        <v>54</v>
      </c>
      <c r="P67" s="3" t="s">
        <v>55</v>
      </c>
      <c r="Q67" s="3" t="s">
        <v>38</v>
      </c>
      <c r="R67" s="3" t="s">
        <v>39</v>
      </c>
      <c r="S67" s="3" t="s">
        <v>336</v>
      </c>
      <c r="T67" s="3"/>
      <c r="U67" s="3" t="s">
        <v>37</v>
      </c>
      <c r="V67" s="3" t="s">
        <v>37</v>
      </c>
    </row>
    <row r="68" spans="1:22" x14ac:dyDescent="0.25">
      <c r="A68" s="3" t="s">
        <v>22</v>
      </c>
      <c r="B68" s="4" t="s">
        <v>226</v>
      </c>
      <c r="C68" s="3" t="s">
        <v>227</v>
      </c>
      <c r="D68" s="5" t="s">
        <v>337</v>
      </c>
      <c r="E68" s="3" t="s">
        <v>47</v>
      </c>
      <c r="F68" s="3" t="s">
        <v>338</v>
      </c>
      <c r="G68" s="3" t="s">
        <v>67</v>
      </c>
      <c r="H68" s="3" t="s">
        <v>29</v>
      </c>
      <c r="I68" s="3" t="s">
        <v>51</v>
      </c>
      <c r="J68" s="3" t="s">
        <v>339</v>
      </c>
      <c r="K68" s="3" t="s">
        <v>32</v>
      </c>
      <c r="L68" s="3" t="s">
        <v>33</v>
      </c>
      <c r="M68" s="3" t="s">
        <v>34</v>
      </c>
      <c r="N68" s="3" t="s">
        <v>131</v>
      </c>
      <c r="O68" s="3" t="s">
        <v>54</v>
      </c>
      <c r="P68" s="3" t="s">
        <v>55</v>
      </c>
      <c r="Q68" s="3" t="s">
        <v>38</v>
      </c>
      <c r="R68" s="3" t="s">
        <v>39</v>
      </c>
      <c r="S68" s="3" t="s">
        <v>340</v>
      </c>
      <c r="T68" s="3"/>
      <c r="U68" s="3" t="s">
        <v>37</v>
      </c>
      <c r="V68" s="3" t="s">
        <v>37</v>
      </c>
    </row>
    <row r="69" spans="1:22" x14ac:dyDescent="0.25">
      <c r="A69" s="3" t="s">
        <v>22</v>
      </c>
      <c r="B69" s="4" t="s">
        <v>226</v>
      </c>
      <c r="C69" s="3" t="s">
        <v>227</v>
      </c>
      <c r="D69" s="5" t="s">
        <v>341</v>
      </c>
      <c r="E69" s="3" t="s">
        <v>47</v>
      </c>
      <c r="F69" s="3" t="s">
        <v>128</v>
      </c>
      <c r="G69" s="3" t="s">
        <v>129</v>
      </c>
      <c r="H69" s="3" t="s">
        <v>29</v>
      </c>
      <c r="I69" s="3" t="s">
        <v>51</v>
      </c>
      <c r="J69" s="3" t="s">
        <v>130</v>
      </c>
      <c r="K69" s="3" t="s">
        <v>32</v>
      </c>
      <c r="L69" s="3" t="s">
        <v>33</v>
      </c>
      <c r="M69" s="3" t="s">
        <v>34</v>
      </c>
      <c r="N69" s="3" t="s">
        <v>131</v>
      </c>
      <c r="O69" s="3" t="s">
        <v>54</v>
      </c>
      <c r="P69" s="3" t="s">
        <v>55</v>
      </c>
      <c r="Q69" s="3" t="s">
        <v>38</v>
      </c>
      <c r="R69" s="3" t="s">
        <v>39</v>
      </c>
      <c r="S69" s="3" t="s">
        <v>132</v>
      </c>
      <c r="T69" s="3"/>
      <c r="U69" s="3" t="s">
        <v>37</v>
      </c>
      <c r="V69" s="3" t="s">
        <v>37</v>
      </c>
    </row>
    <row r="70" spans="1:22" x14ac:dyDescent="0.25">
      <c r="A70" s="3" t="s">
        <v>22</v>
      </c>
      <c r="B70" s="4" t="s">
        <v>226</v>
      </c>
      <c r="C70" s="3" t="s">
        <v>227</v>
      </c>
      <c r="D70" s="5" t="s">
        <v>342</v>
      </c>
      <c r="E70" s="3" t="s">
        <v>47</v>
      </c>
      <c r="F70" s="3" t="s">
        <v>134</v>
      </c>
      <c r="G70" s="3" t="s">
        <v>135</v>
      </c>
      <c r="H70" s="3" t="s">
        <v>29</v>
      </c>
      <c r="I70" s="3" t="s">
        <v>51</v>
      </c>
      <c r="J70" s="3" t="s">
        <v>136</v>
      </c>
      <c r="K70" s="3" t="s">
        <v>32</v>
      </c>
      <c r="L70" s="3" t="s">
        <v>33</v>
      </c>
      <c r="M70" s="3" t="s">
        <v>34</v>
      </c>
      <c r="N70" s="3" t="s">
        <v>131</v>
      </c>
      <c r="O70" s="3" t="s">
        <v>54</v>
      </c>
      <c r="P70" s="3" t="s">
        <v>55</v>
      </c>
      <c r="Q70" s="3" t="s">
        <v>38</v>
      </c>
      <c r="R70" s="3" t="s">
        <v>39</v>
      </c>
      <c r="S70" s="3" t="s">
        <v>137</v>
      </c>
      <c r="T70" s="3"/>
      <c r="U70" s="3" t="s">
        <v>37</v>
      </c>
      <c r="V70" s="3" t="s">
        <v>37</v>
      </c>
    </row>
    <row r="71" spans="1:22" x14ac:dyDescent="0.25">
      <c r="A71" s="3" t="s">
        <v>22</v>
      </c>
      <c r="B71" s="4" t="s">
        <v>226</v>
      </c>
      <c r="C71" s="3" t="s">
        <v>227</v>
      </c>
      <c r="D71" s="5" t="s">
        <v>207</v>
      </c>
      <c r="E71" s="3" t="s">
        <v>343</v>
      </c>
      <c r="F71" s="3" t="s">
        <v>344</v>
      </c>
      <c r="G71" s="3" t="s">
        <v>72</v>
      </c>
      <c r="H71" s="3" t="s">
        <v>141</v>
      </c>
      <c r="I71" s="3" t="s">
        <v>37</v>
      </c>
      <c r="J71" s="3" t="s">
        <v>345</v>
      </c>
      <c r="K71" s="3" t="s">
        <v>32</v>
      </c>
      <c r="L71" s="3" t="s">
        <v>33</v>
      </c>
      <c r="M71" s="3" t="s">
        <v>69</v>
      </c>
      <c r="N71" s="3" t="s">
        <v>53</v>
      </c>
      <c r="O71" s="3" t="s">
        <v>233</v>
      </c>
      <c r="P71" s="3" t="s">
        <v>55</v>
      </c>
      <c r="Q71" s="3" t="s">
        <v>37</v>
      </c>
      <c r="R71" s="3" t="s">
        <v>39</v>
      </c>
      <c r="S71" s="3" t="s">
        <v>346</v>
      </c>
      <c r="T71" s="3"/>
      <c r="U71" s="3" t="s">
        <v>37</v>
      </c>
      <c r="V71" s="3" t="s">
        <v>37</v>
      </c>
    </row>
    <row r="72" spans="1:22" x14ac:dyDescent="0.25">
      <c r="A72" s="3" t="s">
        <v>22</v>
      </c>
      <c r="B72" s="4" t="s">
        <v>226</v>
      </c>
      <c r="C72" s="3" t="s">
        <v>227</v>
      </c>
      <c r="D72" s="5" t="s">
        <v>347</v>
      </c>
      <c r="E72" s="3" t="s">
        <v>343</v>
      </c>
      <c r="F72" s="3" t="s">
        <v>348</v>
      </c>
      <c r="G72" s="3" t="s">
        <v>153</v>
      </c>
      <c r="H72" s="3" t="s">
        <v>141</v>
      </c>
      <c r="I72" s="3" t="s">
        <v>37</v>
      </c>
      <c r="J72" s="3" t="s">
        <v>345</v>
      </c>
      <c r="K72" s="3" t="s">
        <v>32</v>
      </c>
      <c r="L72" s="3" t="s">
        <v>33</v>
      </c>
      <c r="M72" s="3" t="s">
        <v>69</v>
      </c>
      <c r="N72" s="3" t="s">
        <v>53</v>
      </c>
      <c r="O72" s="3" t="s">
        <v>233</v>
      </c>
      <c r="P72" s="3" t="s">
        <v>55</v>
      </c>
      <c r="Q72" s="3" t="s">
        <v>37</v>
      </c>
      <c r="R72" s="3" t="s">
        <v>39</v>
      </c>
      <c r="S72" s="3" t="s">
        <v>349</v>
      </c>
      <c r="T72" s="3"/>
      <c r="U72" s="3" t="s">
        <v>37</v>
      </c>
      <c r="V72" s="3" t="s">
        <v>37</v>
      </c>
    </row>
    <row r="73" spans="1:22" x14ac:dyDescent="0.25">
      <c r="A73" s="3" t="s">
        <v>22</v>
      </c>
      <c r="B73" s="4" t="s">
        <v>226</v>
      </c>
      <c r="C73" s="3" t="s">
        <v>227</v>
      </c>
      <c r="D73" s="5" t="s">
        <v>350</v>
      </c>
      <c r="E73" s="3" t="s">
        <v>343</v>
      </c>
      <c r="F73" s="3" t="s">
        <v>351</v>
      </c>
      <c r="G73" s="3" t="s">
        <v>253</v>
      </c>
      <c r="H73" s="3" t="s">
        <v>141</v>
      </c>
      <c r="I73" s="3" t="s">
        <v>37</v>
      </c>
      <c r="J73" s="3" t="s">
        <v>345</v>
      </c>
      <c r="K73" s="3" t="s">
        <v>32</v>
      </c>
      <c r="L73" s="3" t="s">
        <v>33</v>
      </c>
      <c r="M73" s="3" t="s">
        <v>69</v>
      </c>
      <c r="N73" s="3" t="s">
        <v>53</v>
      </c>
      <c r="O73" s="3" t="s">
        <v>233</v>
      </c>
      <c r="P73" s="3" t="s">
        <v>55</v>
      </c>
      <c r="Q73" s="3" t="s">
        <v>37</v>
      </c>
      <c r="R73" s="3" t="s">
        <v>39</v>
      </c>
      <c r="S73" s="3" t="s">
        <v>352</v>
      </c>
      <c r="T73" s="3"/>
      <c r="U73" s="3" t="s">
        <v>37</v>
      </c>
      <c r="V73" s="3" t="s">
        <v>37</v>
      </c>
    </row>
    <row r="74" spans="1:22" x14ac:dyDescent="0.25">
      <c r="A74" s="3" t="s">
        <v>22</v>
      </c>
      <c r="B74" s="4" t="s">
        <v>226</v>
      </c>
      <c r="C74" s="3" t="s">
        <v>227</v>
      </c>
      <c r="D74" s="5" t="s">
        <v>353</v>
      </c>
      <c r="E74" s="3" t="s">
        <v>343</v>
      </c>
      <c r="F74" s="3" t="s">
        <v>354</v>
      </c>
      <c r="G74" s="3" t="s">
        <v>313</v>
      </c>
      <c r="H74" s="3" t="s">
        <v>141</v>
      </c>
      <c r="I74" s="3" t="s">
        <v>37</v>
      </c>
      <c r="J74" s="3" t="s">
        <v>345</v>
      </c>
      <c r="K74" s="3" t="s">
        <v>32</v>
      </c>
      <c r="L74" s="3" t="s">
        <v>33</v>
      </c>
      <c r="M74" s="3" t="s">
        <v>69</v>
      </c>
      <c r="N74" s="3" t="s">
        <v>53</v>
      </c>
      <c r="O74" s="3" t="s">
        <v>233</v>
      </c>
      <c r="P74" s="3" t="s">
        <v>55</v>
      </c>
      <c r="Q74" s="3" t="s">
        <v>37</v>
      </c>
      <c r="R74" s="3" t="s">
        <v>39</v>
      </c>
      <c r="S74" s="3" t="s">
        <v>355</v>
      </c>
      <c r="T74" s="3"/>
      <c r="U74" s="3" t="s">
        <v>37</v>
      </c>
      <c r="V74" s="3" t="s">
        <v>37</v>
      </c>
    </row>
    <row r="75" spans="1:22" x14ac:dyDescent="0.25">
      <c r="A75" s="3" t="s">
        <v>22</v>
      </c>
      <c r="B75" s="4" t="s">
        <v>226</v>
      </c>
      <c r="C75" s="3" t="s">
        <v>227</v>
      </c>
      <c r="D75" s="5" t="s">
        <v>215</v>
      </c>
      <c r="E75" s="3" t="s">
        <v>356</v>
      </c>
      <c r="F75" s="3" t="s">
        <v>357</v>
      </c>
      <c r="G75" s="3" t="s">
        <v>358</v>
      </c>
      <c r="H75" s="3" t="s">
        <v>29</v>
      </c>
      <c r="I75" s="3" t="s">
        <v>37</v>
      </c>
      <c r="J75" s="3" t="s">
        <v>359</v>
      </c>
      <c r="K75" s="3" t="s">
        <v>32</v>
      </c>
      <c r="L75" s="3" t="s">
        <v>33</v>
      </c>
      <c r="M75" s="3" t="s">
        <v>360</v>
      </c>
      <c r="N75" s="3" t="s">
        <v>53</v>
      </c>
      <c r="O75" s="3" t="s">
        <v>54</v>
      </c>
      <c r="P75" s="3" t="s">
        <v>55</v>
      </c>
      <c r="Q75" s="3" t="s">
        <v>37</v>
      </c>
      <c r="R75" s="3" t="s">
        <v>39</v>
      </c>
      <c r="S75" s="3" t="s">
        <v>361</v>
      </c>
      <c r="T75" s="3"/>
      <c r="U75" s="3" t="s">
        <v>37</v>
      </c>
      <c r="V75" s="3" t="s">
        <v>37</v>
      </c>
    </row>
    <row r="76" spans="1:22" x14ac:dyDescent="0.25">
      <c r="A76" s="3" t="s">
        <v>22</v>
      </c>
      <c r="B76" s="4" t="s">
        <v>226</v>
      </c>
      <c r="C76" s="3" t="s">
        <v>227</v>
      </c>
      <c r="D76" s="5" t="s">
        <v>216</v>
      </c>
      <c r="E76" s="3" t="s">
        <v>356</v>
      </c>
      <c r="F76" s="3" t="s">
        <v>362</v>
      </c>
      <c r="G76" s="3" t="s">
        <v>135</v>
      </c>
      <c r="H76" s="3" t="s">
        <v>29</v>
      </c>
      <c r="I76" s="3" t="s">
        <v>37</v>
      </c>
      <c r="J76" s="3" t="s">
        <v>363</v>
      </c>
      <c r="K76" s="3" t="s">
        <v>32</v>
      </c>
      <c r="L76" s="3" t="s">
        <v>33</v>
      </c>
      <c r="M76" s="3" t="s">
        <v>360</v>
      </c>
      <c r="N76" s="3" t="s">
        <v>53</v>
      </c>
      <c r="O76" s="3" t="s">
        <v>54</v>
      </c>
      <c r="P76" s="3" t="s">
        <v>55</v>
      </c>
      <c r="Q76" s="3" t="s">
        <v>37</v>
      </c>
      <c r="R76" s="3" t="s">
        <v>39</v>
      </c>
      <c r="S76" s="3" t="s">
        <v>364</v>
      </c>
      <c r="T76" s="3"/>
      <c r="U76" s="3" t="s">
        <v>37</v>
      </c>
      <c r="V76" s="3" t="s">
        <v>145</v>
      </c>
    </row>
    <row r="77" spans="1:22" x14ac:dyDescent="0.25">
      <c r="A77" s="3" t="s">
        <v>22</v>
      </c>
      <c r="B77" s="4" t="s">
        <v>226</v>
      </c>
      <c r="C77" s="3" t="s">
        <v>227</v>
      </c>
      <c r="D77" s="5" t="s">
        <v>217</v>
      </c>
      <c r="E77" s="3" t="s">
        <v>139</v>
      </c>
      <c r="F77" s="3" t="s">
        <v>365</v>
      </c>
      <c r="G77" s="3" t="s">
        <v>28</v>
      </c>
      <c r="H77" s="3" t="s">
        <v>29</v>
      </c>
      <c r="I77" s="3" t="s">
        <v>296</v>
      </c>
      <c r="J77" s="3" t="s">
        <v>366</v>
      </c>
      <c r="K77" s="3" t="s">
        <v>32</v>
      </c>
      <c r="L77" s="3" t="s">
        <v>33</v>
      </c>
      <c r="M77" s="3" t="s">
        <v>69</v>
      </c>
      <c r="N77" s="3" t="s">
        <v>79</v>
      </c>
      <c r="O77" s="3" t="s">
        <v>54</v>
      </c>
      <c r="P77" s="3" t="s">
        <v>55</v>
      </c>
      <c r="Q77" s="3" t="s">
        <v>37</v>
      </c>
      <c r="R77" s="3" t="s">
        <v>39</v>
      </c>
      <c r="S77" s="3" t="s">
        <v>367</v>
      </c>
      <c r="T77" s="3"/>
      <c r="U77" s="3" t="s">
        <v>37</v>
      </c>
      <c r="V77" s="3" t="s">
        <v>145</v>
      </c>
    </row>
    <row r="78" spans="1:22" x14ac:dyDescent="0.25">
      <c r="A78" s="3" t="s">
        <v>22</v>
      </c>
      <c r="B78" s="4" t="s">
        <v>226</v>
      </c>
      <c r="C78" s="3" t="s">
        <v>227</v>
      </c>
      <c r="D78" s="5" t="s">
        <v>221</v>
      </c>
      <c r="E78" s="3" t="s">
        <v>139</v>
      </c>
      <c r="F78" s="3" t="s">
        <v>368</v>
      </c>
      <c r="G78" s="3" t="s">
        <v>369</v>
      </c>
      <c r="H78" s="3" t="s">
        <v>29</v>
      </c>
      <c r="I78" s="3" t="s">
        <v>296</v>
      </c>
      <c r="J78" s="3" t="s">
        <v>370</v>
      </c>
      <c r="K78" s="3" t="s">
        <v>32</v>
      </c>
      <c r="L78" s="3" t="s">
        <v>33</v>
      </c>
      <c r="M78" s="3" t="s">
        <v>69</v>
      </c>
      <c r="N78" s="3" t="s">
        <v>79</v>
      </c>
      <c r="O78" s="3" t="s">
        <v>54</v>
      </c>
      <c r="P78" s="3" t="s">
        <v>37</v>
      </c>
      <c r="Q78" s="3" t="s">
        <v>37</v>
      </c>
      <c r="R78" s="3" t="s">
        <v>39</v>
      </c>
      <c r="S78" s="3" t="s">
        <v>371</v>
      </c>
      <c r="T78" s="3"/>
      <c r="U78" s="3" t="s">
        <v>37</v>
      </c>
      <c r="V78" s="3" t="s">
        <v>145</v>
      </c>
    </row>
    <row r="79" spans="1:22" x14ac:dyDescent="0.25">
      <c r="A79" s="3"/>
      <c r="B79" s="4"/>
      <c r="C79" s="3"/>
      <c r="D79" s="5"/>
      <c r="E79" s="6" t="s">
        <v>225</v>
      </c>
      <c r="F79" s="3"/>
      <c r="G79" s="3"/>
      <c r="H79" s="3"/>
      <c r="I79" s="3"/>
      <c r="J79" s="3"/>
      <c r="K79" s="3"/>
      <c r="L79" s="3"/>
      <c r="M79" s="3"/>
      <c r="N79" s="3"/>
      <c r="O79" s="3"/>
      <c r="P79" s="3"/>
      <c r="Q79" s="3"/>
      <c r="R79" s="3"/>
      <c r="S79" s="3"/>
      <c r="T79" s="3"/>
      <c r="U79" s="3"/>
      <c r="V79" s="3"/>
    </row>
    <row r="80" spans="1:22" x14ac:dyDescent="0.25">
      <c r="A80" s="3"/>
      <c r="B80" s="4"/>
      <c r="C80" s="3"/>
      <c r="D80" s="5"/>
      <c r="E80" s="6"/>
      <c r="F80" s="3"/>
      <c r="G80" s="3"/>
      <c r="H80" s="3"/>
      <c r="I80" s="3"/>
      <c r="J80" s="3"/>
      <c r="K80" s="3"/>
      <c r="L80" s="3"/>
      <c r="M80" s="3"/>
      <c r="N80" s="3"/>
      <c r="O80" s="3"/>
      <c r="P80" s="3"/>
      <c r="Q80" s="3"/>
      <c r="R80" s="3"/>
      <c r="S80" s="3"/>
      <c r="T80" s="3"/>
      <c r="U80" s="3"/>
      <c r="V80" s="3"/>
    </row>
    <row r="81" spans="1:22" x14ac:dyDescent="0.25">
      <c r="A81" s="3"/>
      <c r="B81" s="4"/>
      <c r="C81" s="3"/>
      <c r="D81" s="5"/>
      <c r="E81" s="3"/>
      <c r="F81" s="3"/>
      <c r="G81" s="3"/>
      <c r="H81" s="3"/>
      <c r="I81" s="3"/>
      <c r="J81" s="3"/>
      <c r="K81" s="3"/>
      <c r="L81" s="3"/>
      <c r="M81" s="3"/>
      <c r="N81" s="3"/>
      <c r="O81" s="3"/>
      <c r="P81" s="3"/>
      <c r="Q81" s="3"/>
      <c r="R81" s="3"/>
      <c r="S81" s="3"/>
      <c r="T81" s="3"/>
      <c r="U81" s="3"/>
      <c r="V81" s="3"/>
    </row>
    <row r="82" spans="1:22" x14ac:dyDescent="0.25">
      <c r="A82" s="3" t="s">
        <v>22</v>
      </c>
      <c r="B82" s="4" t="s">
        <v>372</v>
      </c>
      <c r="C82" s="3" t="s">
        <v>373</v>
      </c>
      <c r="D82" s="5" t="s">
        <v>25</v>
      </c>
      <c r="E82" s="3" t="s">
        <v>139</v>
      </c>
      <c r="F82" s="3" t="s">
        <v>374</v>
      </c>
      <c r="G82" s="3" t="s">
        <v>375</v>
      </c>
      <c r="H82" s="3" t="s">
        <v>29</v>
      </c>
      <c r="I82" s="3" t="s">
        <v>296</v>
      </c>
      <c r="J82" s="3" t="s">
        <v>376</v>
      </c>
      <c r="K82" s="3" t="s">
        <v>32</v>
      </c>
      <c r="L82" s="3" t="s">
        <v>33</v>
      </c>
      <c r="M82" s="3" t="s">
        <v>69</v>
      </c>
      <c r="N82" s="3" t="s">
        <v>79</v>
      </c>
      <c r="O82" s="3" t="s">
        <v>54</v>
      </c>
      <c r="P82" s="3" t="s">
        <v>37</v>
      </c>
      <c r="Q82" s="3" t="s">
        <v>37</v>
      </c>
      <c r="R82" s="3" t="s">
        <v>39</v>
      </c>
      <c r="S82" s="3" t="s">
        <v>377</v>
      </c>
      <c r="T82" s="3"/>
      <c r="U82" s="3" t="s">
        <v>37</v>
      </c>
      <c r="V82" s="3" t="s">
        <v>145</v>
      </c>
    </row>
    <row r="83" spans="1:22" x14ac:dyDescent="0.25">
      <c r="A83" s="3" t="s">
        <v>22</v>
      </c>
      <c r="B83" s="4" t="s">
        <v>372</v>
      </c>
      <c r="C83" s="3" t="s">
        <v>373</v>
      </c>
      <c r="D83" s="5" t="s">
        <v>41</v>
      </c>
      <c r="E83" s="3" t="s">
        <v>139</v>
      </c>
      <c r="F83" s="3" t="s">
        <v>378</v>
      </c>
      <c r="G83" s="3" t="s">
        <v>379</v>
      </c>
      <c r="H83" s="3" t="s">
        <v>29</v>
      </c>
      <c r="I83" s="3" t="s">
        <v>296</v>
      </c>
      <c r="J83" s="3" t="s">
        <v>380</v>
      </c>
      <c r="K83" s="3" t="s">
        <v>32</v>
      </c>
      <c r="L83" s="3" t="s">
        <v>33</v>
      </c>
      <c r="M83" s="3" t="s">
        <v>69</v>
      </c>
      <c r="N83" s="3" t="s">
        <v>79</v>
      </c>
      <c r="O83" s="3" t="s">
        <v>54</v>
      </c>
      <c r="P83" s="3" t="s">
        <v>37</v>
      </c>
      <c r="Q83" s="3" t="s">
        <v>37</v>
      </c>
      <c r="R83" s="3" t="s">
        <v>39</v>
      </c>
      <c r="S83" s="3" t="s">
        <v>381</v>
      </c>
      <c r="T83" s="3"/>
      <c r="U83" s="3" t="s">
        <v>37</v>
      </c>
      <c r="V83" s="3" t="s">
        <v>145</v>
      </c>
    </row>
    <row r="84" spans="1:22" x14ac:dyDescent="0.25">
      <c r="A84" s="3" t="s">
        <v>22</v>
      </c>
      <c r="B84" s="4" t="s">
        <v>372</v>
      </c>
      <c r="C84" s="3" t="s">
        <v>373</v>
      </c>
      <c r="D84" s="5" t="s">
        <v>46</v>
      </c>
      <c r="E84" s="3" t="s">
        <v>47</v>
      </c>
      <c r="F84" s="3" t="s">
        <v>316</v>
      </c>
      <c r="G84" s="3" t="s">
        <v>317</v>
      </c>
      <c r="H84" s="3" t="s">
        <v>50</v>
      </c>
      <c r="I84" s="3" t="s">
        <v>51</v>
      </c>
      <c r="J84" s="3" t="s">
        <v>318</v>
      </c>
      <c r="K84" s="3" t="s">
        <v>32</v>
      </c>
      <c r="L84" s="3" t="s">
        <v>33</v>
      </c>
      <c r="M84" s="3" t="s">
        <v>34</v>
      </c>
      <c r="N84" s="3" t="s">
        <v>53</v>
      </c>
      <c r="O84" s="3" t="s">
        <v>54</v>
      </c>
      <c r="P84" s="3" t="s">
        <v>55</v>
      </c>
      <c r="Q84" s="3" t="s">
        <v>37</v>
      </c>
      <c r="R84" s="3" t="s">
        <v>39</v>
      </c>
      <c r="S84" s="3" t="s">
        <v>319</v>
      </c>
      <c r="T84" s="3"/>
      <c r="U84" s="3" t="s">
        <v>37</v>
      </c>
      <c r="V84" s="3" t="s">
        <v>37</v>
      </c>
    </row>
    <row r="85" spans="1:22" x14ac:dyDescent="0.25">
      <c r="A85" s="3" t="s">
        <v>22</v>
      </c>
      <c r="B85" s="4" t="s">
        <v>372</v>
      </c>
      <c r="C85" s="3" t="s">
        <v>373</v>
      </c>
      <c r="D85" s="5" t="s">
        <v>57</v>
      </c>
      <c r="E85" s="3" t="s">
        <v>47</v>
      </c>
      <c r="F85" s="3" t="s">
        <v>320</v>
      </c>
      <c r="G85" s="3" t="s">
        <v>321</v>
      </c>
      <c r="H85" s="3" t="s">
        <v>50</v>
      </c>
      <c r="I85" s="3" t="s">
        <v>51</v>
      </c>
      <c r="J85" s="3" t="s">
        <v>322</v>
      </c>
      <c r="K85" s="3" t="s">
        <v>32</v>
      </c>
      <c r="L85" s="3" t="s">
        <v>33</v>
      </c>
      <c r="M85" s="3" t="s">
        <v>34</v>
      </c>
      <c r="N85" s="3" t="s">
        <v>53</v>
      </c>
      <c r="O85" s="3" t="s">
        <v>54</v>
      </c>
      <c r="P85" s="3" t="s">
        <v>55</v>
      </c>
      <c r="Q85" s="3" t="s">
        <v>37</v>
      </c>
      <c r="R85" s="3" t="s">
        <v>39</v>
      </c>
      <c r="S85" s="3" t="s">
        <v>323</v>
      </c>
      <c r="T85" s="3"/>
      <c r="U85" s="3" t="s">
        <v>37</v>
      </c>
      <c r="V85" s="3" t="s">
        <v>37</v>
      </c>
    </row>
    <row r="86" spans="1:22" x14ac:dyDescent="0.25">
      <c r="A86" s="3" t="s">
        <v>22</v>
      </c>
      <c r="B86" s="4" t="s">
        <v>372</v>
      </c>
      <c r="C86" s="3" t="s">
        <v>373</v>
      </c>
      <c r="D86" s="5" t="s">
        <v>64</v>
      </c>
      <c r="E86" s="3" t="s">
        <v>74</v>
      </c>
      <c r="F86" s="3" t="s">
        <v>382</v>
      </c>
      <c r="G86" s="3" t="s">
        <v>383</v>
      </c>
      <c r="H86" s="3" t="s">
        <v>50</v>
      </c>
      <c r="I86" s="3" t="s">
        <v>37</v>
      </c>
      <c r="J86" s="3" t="s">
        <v>384</v>
      </c>
      <c r="K86" s="3" t="s">
        <v>32</v>
      </c>
      <c r="L86" s="3" t="s">
        <v>33</v>
      </c>
      <c r="M86" s="3" t="s">
        <v>69</v>
      </c>
      <c r="N86" s="3" t="s">
        <v>159</v>
      </c>
      <c r="O86" s="3" t="s">
        <v>54</v>
      </c>
      <c r="P86" s="3" t="s">
        <v>55</v>
      </c>
      <c r="Q86" s="3" t="s">
        <v>37</v>
      </c>
      <c r="R86" s="3" t="s">
        <v>39</v>
      </c>
      <c r="S86" s="3" t="s">
        <v>385</v>
      </c>
      <c r="T86" s="3"/>
      <c r="U86" s="3" t="s">
        <v>37</v>
      </c>
      <c r="V86" s="3" t="s">
        <v>37</v>
      </c>
    </row>
    <row r="87" spans="1:22" x14ac:dyDescent="0.25">
      <c r="A87" s="3" t="s">
        <v>22</v>
      </c>
      <c r="B87" s="4" t="s">
        <v>372</v>
      </c>
      <c r="C87" s="3" t="s">
        <v>373</v>
      </c>
      <c r="D87" s="5" t="s">
        <v>71</v>
      </c>
      <c r="E87" s="3" t="s">
        <v>74</v>
      </c>
      <c r="F87" s="3" t="s">
        <v>386</v>
      </c>
      <c r="G87" s="3" t="s">
        <v>387</v>
      </c>
      <c r="H87" s="3" t="s">
        <v>50</v>
      </c>
      <c r="I87" s="3" t="s">
        <v>37</v>
      </c>
      <c r="J87" s="3" t="s">
        <v>388</v>
      </c>
      <c r="K87" s="3" t="s">
        <v>32</v>
      </c>
      <c r="L87" s="3" t="s">
        <v>33</v>
      </c>
      <c r="M87" s="3" t="s">
        <v>69</v>
      </c>
      <c r="N87" s="3" t="s">
        <v>159</v>
      </c>
      <c r="O87" s="3" t="s">
        <v>54</v>
      </c>
      <c r="P87" s="3" t="s">
        <v>55</v>
      </c>
      <c r="Q87" s="3" t="s">
        <v>37</v>
      </c>
      <c r="R87" s="3" t="s">
        <v>39</v>
      </c>
      <c r="S87" s="3" t="s">
        <v>389</v>
      </c>
      <c r="T87" s="3"/>
      <c r="U87" s="3" t="s">
        <v>37</v>
      </c>
      <c r="V87" s="3" t="s">
        <v>37</v>
      </c>
    </row>
    <row r="88" spans="1:22" x14ac:dyDescent="0.25">
      <c r="A88" s="3" t="s">
        <v>22</v>
      </c>
      <c r="B88" s="4" t="s">
        <v>372</v>
      </c>
      <c r="C88" s="3" t="s">
        <v>373</v>
      </c>
      <c r="D88" s="5" t="s">
        <v>390</v>
      </c>
      <c r="E88" s="3" t="s">
        <v>74</v>
      </c>
      <c r="F88" s="3" t="s">
        <v>391</v>
      </c>
      <c r="G88" s="3" t="s">
        <v>49</v>
      </c>
      <c r="H88" s="3" t="s">
        <v>50</v>
      </c>
      <c r="I88" s="3" t="s">
        <v>37</v>
      </c>
      <c r="J88" s="3" t="s">
        <v>392</v>
      </c>
      <c r="K88" s="3" t="s">
        <v>32</v>
      </c>
      <c r="L88" s="3" t="s">
        <v>33</v>
      </c>
      <c r="M88" s="3" t="s">
        <v>69</v>
      </c>
      <c r="N88" s="3" t="s">
        <v>159</v>
      </c>
      <c r="O88" s="3" t="s">
        <v>54</v>
      </c>
      <c r="P88" s="3" t="s">
        <v>55</v>
      </c>
      <c r="Q88" s="3" t="s">
        <v>37</v>
      </c>
      <c r="R88" s="3" t="s">
        <v>39</v>
      </c>
      <c r="S88" s="3" t="s">
        <v>393</v>
      </c>
      <c r="T88" s="3"/>
      <c r="U88" s="3" t="s">
        <v>37</v>
      </c>
      <c r="V88" s="3" t="s">
        <v>37</v>
      </c>
    </row>
    <row r="89" spans="1:22" x14ac:dyDescent="0.25">
      <c r="A89" s="3" t="s">
        <v>22</v>
      </c>
      <c r="B89" s="4" t="s">
        <v>372</v>
      </c>
      <c r="C89" s="3" t="s">
        <v>373</v>
      </c>
      <c r="D89" s="5" t="s">
        <v>86</v>
      </c>
      <c r="E89" s="3" t="s">
        <v>394</v>
      </c>
      <c r="F89" s="3" t="s">
        <v>395</v>
      </c>
      <c r="G89" s="3" t="s">
        <v>50</v>
      </c>
      <c r="H89" s="3" t="s">
        <v>29</v>
      </c>
      <c r="I89" s="3" t="s">
        <v>396</v>
      </c>
      <c r="J89" s="3" t="s">
        <v>397</v>
      </c>
      <c r="K89" s="3" t="s">
        <v>32</v>
      </c>
      <c r="L89" s="3" t="s">
        <v>33</v>
      </c>
      <c r="M89" s="3" t="s">
        <v>34</v>
      </c>
      <c r="N89" s="3" t="s">
        <v>79</v>
      </c>
      <c r="O89" s="3" t="s">
        <v>36</v>
      </c>
      <c r="P89" s="3" t="s">
        <v>37</v>
      </c>
      <c r="Q89" s="3" t="s">
        <v>37</v>
      </c>
      <c r="R89" s="3" t="s">
        <v>39</v>
      </c>
      <c r="S89" s="3" t="s">
        <v>398</v>
      </c>
      <c r="T89" s="3"/>
      <c r="U89" s="3" t="s">
        <v>37</v>
      </c>
      <c r="V89" s="3" t="s">
        <v>37</v>
      </c>
    </row>
    <row r="90" spans="1:22" x14ac:dyDescent="0.25">
      <c r="A90" s="3" t="s">
        <v>22</v>
      </c>
      <c r="B90" s="4" t="s">
        <v>372</v>
      </c>
      <c r="C90" s="3" t="s">
        <v>373</v>
      </c>
      <c r="D90" s="5" t="s">
        <v>399</v>
      </c>
      <c r="E90" s="3" t="s">
        <v>394</v>
      </c>
      <c r="F90" s="3" t="s">
        <v>400</v>
      </c>
      <c r="G90" s="3" t="s">
        <v>180</v>
      </c>
      <c r="H90" s="3" t="s">
        <v>29</v>
      </c>
      <c r="I90" s="3" t="s">
        <v>401</v>
      </c>
      <c r="J90" s="3" t="s">
        <v>402</v>
      </c>
      <c r="K90" s="3" t="s">
        <v>32</v>
      </c>
      <c r="L90" s="3" t="s">
        <v>33</v>
      </c>
      <c r="M90" s="3" t="s">
        <v>34</v>
      </c>
      <c r="N90" s="3" t="s">
        <v>79</v>
      </c>
      <c r="O90" s="3" t="s">
        <v>36</v>
      </c>
      <c r="P90" s="3" t="s">
        <v>37</v>
      </c>
      <c r="Q90" s="3" t="s">
        <v>37</v>
      </c>
      <c r="R90" s="3" t="s">
        <v>39</v>
      </c>
      <c r="S90" s="3" t="s">
        <v>403</v>
      </c>
      <c r="T90" s="3"/>
      <c r="U90" s="3" t="s">
        <v>37</v>
      </c>
      <c r="V90" s="3" t="s">
        <v>37</v>
      </c>
    </row>
    <row r="91" spans="1:22" x14ac:dyDescent="0.25">
      <c r="A91" s="3" t="s">
        <v>22</v>
      </c>
      <c r="B91" s="4" t="s">
        <v>372</v>
      </c>
      <c r="C91" s="3" t="s">
        <v>373</v>
      </c>
      <c r="D91" s="5" t="s">
        <v>96</v>
      </c>
      <c r="E91" s="3" t="s">
        <v>405</v>
      </c>
      <c r="F91" s="3" t="s">
        <v>406</v>
      </c>
      <c r="G91" s="3" t="s">
        <v>59</v>
      </c>
      <c r="H91" s="3" t="s">
        <v>60</v>
      </c>
      <c r="I91" s="3" t="s">
        <v>37</v>
      </c>
      <c r="J91" s="3" t="s">
        <v>407</v>
      </c>
      <c r="K91" s="3" t="s">
        <v>32</v>
      </c>
      <c r="L91" s="3" t="s">
        <v>33</v>
      </c>
      <c r="M91" s="3" t="s">
        <v>69</v>
      </c>
      <c r="N91" s="3" t="s">
        <v>53</v>
      </c>
      <c r="O91" s="3" t="s">
        <v>287</v>
      </c>
      <c r="P91" s="3" t="s">
        <v>37</v>
      </c>
      <c r="Q91" s="3" t="s">
        <v>37</v>
      </c>
      <c r="R91" s="3" t="s">
        <v>39</v>
      </c>
      <c r="S91" s="3" t="s">
        <v>408</v>
      </c>
      <c r="T91" s="3"/>
      <c r="U91" s="3" t="s">
        <v>37</v>
      </c>
      <c r="V91" s="3" t="s">
        <v>37</v>
      </c>
    </row>
    <row r="92" spans="1:22" x14ac:dyDescent="0.25">
      <c r="A92" s="3" t="s">
        <v>22</v>
      </c>
      <c r="B92" s="4" t="s">
        <v>372</v>
      </c>
      <c r="C92" s="3" t="s">
        <v>373</v>
      </c>
      <c r="D92" s="5" t="s">
        <v>409</v>
      </c>
      <c r="E92" s="3" t="s">
        <v>405</v>
      </c>
      <c r="F92" s="3" t="s">
        <v>410</v>
      </c>
      <c r="G92" s="3" t="s">
        <v>411</v>
      </c>
      <c r="H92" s="3" t="s">
        <v>60</v>
      </c>
      <c r="I92" s="3" t="s">
        <v>37</v>
      </c>
      <c r="J92" s="3" t="s">
        <v>412</v>
      </c>
      <c r="K92" s="3" t="s">
        <v>32</v>
      </c>
      <c r="L92" s="3" t="s">
        <v>33</v>
      </c>
      <c r="M92" s="3" t="s">
        <v>69</v>
      </c>
      <c r="N92" s="3" t="s">
        <v>53</v>
      </c>
      <c r="O92" s="3" t="s">
        <v>287</v>
      </c>
      <c r="P92" s="3" t="s">
        <v>37</v>
      </c>
      <c r="Q92" s="3" t="s">
        <v>37</v>
      </c>
      <c r="R92" s="3" t="s">
        <v>39</v>
      </c>
      <c r="S92" s="3" t="s">
        <v>413</v>
      </c>
      <c r="T92" s="3"/>
      <c r="U92" s="3" t="s">
        <v>37</v>
      </c>
      <c r="V92" s="3" t="s">
        <v>37</v>
      </c>
    </row>
    <row r="93" spans="1:22" x14ac:dyDescent="0.25">
      <c r="A93" s="3" t="s">
        <v>22</v>
      </c>
      <c r="B93" s="4" t="s">
        <v>372</v>
      </c>
      <c r="C93" s="3" t="s">
        <v>373</v>
      </c>
      <c r="D93" s="5" t="s">
        <v>101</v>
      </c>
      <c r="E93" s="3" t="s">
        <v>405</v>
      </c>
      <c r="F93" s="3" t="s">
        <v>414</v>
      </c>
      <c r="G93" s="3" t="s">
        <v>72</v>
      </c>
      <c r="H93" s="3" t="s">
        <v>60</v>
      </c>
      <c r="I93" s="3" t="s">
        <v>37</v>
      </c>
      <c r="J93" s="3" t="s">
        <v>415</v>
      </c>
      <c r="K93" s="3" t="s">
        <v>32</v>
      </c>
      <c r="L93" s="3" t="s">
        <v>33</v>
      </c>
      <c r="M93" s="3" t="s">
        <v>69</v>
      </c>
      <c r="N93" s="3" t="s">
        <v>53</v>
      </c>
      <c r="O93" s="3" t="s">
        <v>287</v>
      </c>
      <c r="P93" s="3" t="s">
        <v>37</v>
      </c>
      <c r="Q93" s="3" t="s">
        <v>37</v>
      </c>
      <c r="R93" s="3" t="s">
        <v>39</v>
      </c>
      <c r="S93" s="3" t="s">
        <v>416</v>
      </c>
      <c r="T93" s="3"/>
      <c r="U93" s="3" t="s">
        <v>37</v>
      </c>
      <c r="V93" s="3" t="s">
        <v>37</v>
      </c>
    </row>
    <row r="94" spans="1:22" x14ac:dyDescent="0.25">
      <c r="A94" s="3" t="s">
        <v>22</v>
      </c>
      <c r="B94" s="4" t="s">
        <v>372</v>
      </c>
      <c r="C94" s="3" t="s">
        <v>373</v>
      </c>
      <c r="D94" s="5" t="s">
        <v>417</v>
      </c>
      <c r="E94" s="3" t="s">
        <v>47</v>
      </c>
      <c r="F94" s="3" t="s">
        <v>97</v>
      </c>
      <c r="G94" s="3" t="s">
        <v>98</v>
      </c>
      <c r="H94" s="3" t="s">
        <v>60</v>
      </c>
      <c r="I94" s="3" t="s">
        <v>51</v>
      </c>
      <c r="J94" s="3" t="s">
        <v>99</v>
      </c>
      <c r="K94" s="3" t="s">
        <v>32</v>
      </c>
      <c r="L94" s="3" t="s">
        <v>37</v>
      </c>
      <c r="M94" s="3" t="s">
        <v>34</v>
      </c>
      <c r="N94" s="3" t="s">
        <v>62</v>
      </c>
      <c r="O94" s="3" t="s">
        <v>54</v>
      </c>
      <c r="P94" s="3" t="s">
        <v>55</v>
      </c>
      <c r="Q94" s="3" t="s">
        <v>37</v>
      </c>
      <c r="R94" s="3" t="s">
        <v>39</v>
      </c>
      <c r="S94" s="3" t="s">
        <v>100</v>
      </c>
      <c r="T94" s="3"/>
      <c r="U94" s="3" t="s">
        <v>37</v>
      </c>
      <c r="V94" s="3" t="s">
        <v>37</v>
      </c>
    </row>
    <row r="95" spans="1:22" x14ac:dyDescent="0.25">
      <c r="A95" s="3" t="s">
        <v>22</v>
      </c>
      <c r="B95" s="4" t="s">
        <v>372</v>
      </c>
      <c r="C95" s="3" t="s">
        <v>373</v>
      </c>
      <c r="D95" s="5" t="s">
        <v>418</v>
      </c>
      <c r="E95" s="3" t="s">
        <v>47</v>
      </c>
      <c r="F95" s="3" t="s">
        <v>58</v>
      </c>
      <c r="G95" s="3" t="s">
        <v>59</v>
      </c>
      <c r="H95" s="3" t="s">
        <v>60</v>
      </c>
      <c r="I95" s="3" t="s">
        <v>51</v>
      </c>
      <c r="J95" s="3" t="s">
        <v>61</v>
      </c>
      <c r="K95" s="3" t="s">
        <v>32</v>
      </c>
      <c r="L95" s="3" t="s">
        <v>33</v>
      </c>
      <c r="M95" s="3" t="s">
        <v>34</v>
      </c>
      <c r="N95" s="3" t="s">
        <v>62</v>
      </c>
      <c r="O95" s="3" t="s">
        <v>54</v>
      </c>
      <c r="P95" s="3" t="s">
        <v>55</v>
      </c>
      <c r="Q95" s="3" t="s">
        <v>37</v>
      </c>
      <c r="R95" s="3" t="s">
        <v>39</v>
      </c>
      <c r="S95" s="3" t="s">
        <v>63</v>
      </c>
      <c r="T95" s="3"/>
      <c r="U95" s="3" t="s">
        <v>37</v>
      </c>
      <c r="V95" s="3" t="s">
        <v>37</v>
      </c>
    </row>
    <row r="96" spans="1:22" x14ac:dyDescent="0.25">
      <c r="A96" s="3" t="s">
        <v>22</v>
      </c>
      <c r="B96" s="4" t="s">
        <v>372</v>
      </c>
      <c r="C96" s="3" t="s">
        <v>373</v>
      </c>
      <c r="D96" s="5" t="s">
        <v>419</v>
      </c>
      <c r="E96" s="3" t="s">
        <v>177</v>
      </c>
      <c r="F96" s="3" t="s">
        <v>420</v>
      </c>
      <c r="G96" s="3" t="s">
        <v>43</v>
      </c>
      <c r="H96" s="3" t="s">
        <v>60</v>
      </c>
      <c r="I96" s="3" t="s">
        <v>421</v>
      </c>
      <c r="J96" s="3" t="s">
        <v>422</v>
      </c>
      <c r="K96" s="3" t="s">
        <v>32</v>
      </c>
      <c r="L96" s="3" t="s">
        <v>106</v>
      </c>
      <c r="M96" s="3" t="s">
        <v>69</v>
      </c>
      <c r="N96" s="3" t="s">
        <v>62</v>
      </c>
      <c r="O96" s="3" t="s">
        <v>36</v>
      </c>
      <c r="P96" s="3" t="s">
        <v>37</v>
      </c>
      <c r="Q96" s="3" t="s">
        <v>37</v>
      </c>
      <c r="R96" s="3" t="s">
        <v>39</v>
      </c>
      <c r="S96" s="3" t="s">
        <v>423</v>
      </c>
      <c r="T96" s="3"/>
      <c r="U96" s="3" t="s">
        <v>37</v>
      </c>
      <c r="V96" s="3" t="s">
        <v>37</v>
      </c>
    </row>
    <row r="97" spans="1:22" x14ac:dyDescent="0.25">
      <c r="A97" s="3" t="s">
        <v>22</v>
      </c>
      <c r="B97" s="4" t="s">
        <v>372</v>
      </c>
      <c r="C97" s="3" t="s">
        <v>373</v>
      </c>
      <c r="D97" s="5" t="s">
        <v>424</v>
      </c>
      <c r="E97" s="3" t="s">
        <v>177</v>
      </c>
      <c r="F97" s="3" t="s">
        <v>425</v>
      </c>
      <c r="G97" s="3" t="s">
        <v>369</v>
      </c>
      <c r="H97" s="3" t="s">
        <v>60</v>
      </c>
      <c r="I97" s="3" t="s">
        <v>426</v>
      </c>
      <c r="J97" s="3" t="s">
        <v>427</v>
      </c>
      <c r="K97" s="3" t="s">
        <v>32</v>
      </c>
      <c r="L97" s="3" t="s">
        <v>106</v>
      </c>
      <c r="M97" s="3" t="s">
        <v>69</v>
      </c>
      <c r="N97" s="3" t="s">
        <v>62</v>
      </c>
      <c r="O97" s="3" t="s">
        <v>428</v>
      </c>
      <c r="P97" s="3" t="s">
        <v>37</v>
      </c>
      <c r="Q97" s="3" t="s">
        <v>37</v>
      </c>
      <c r="R97" s="3" t="s">
        <v>39</v>
      </c>
      <c r="S97" s="3" t="s">
        <v>429</v>
      </c>
      <c r="T97" s="3"/>
      <c r="U97" s="3" t="s">
        <v>37</v>
      </c>
      <c r="V97" s="3" t="s">
        <v>37</v>
      </c>
    </row>
    <row r="98" spans="1:22" x14ac:dyDescent="0.25">
      <c r="A98" s="3" t="s">
        <v>22</v>
      </c>
      <c r="B98" s="4" t="s">
        <v>372</v>
      </c>
      <c r="C98" s="3" t="s">
        <v>373</v>
      </c>
      <c r="D98" s="5" t="s">
        <v>430</v>
      </c>
      <c r="E98" s="3" t="s">
        <v>47</v>
      </c>
      <c r="F98" s="3" t="s">
        <v>268</v>
      </c>
      <c r="G98" s="3" t="s">
        <v>269</v>
      </c>
      <c r="H98" s="3" t="s">
        <v>29</v>
      </c>
      <c r="I98" s="3" t="s">
        <v>51</v>
      </c>
      <c r="J98" s="3" t="s">
        <v>270</v>
      </c>
      <c r="K98" s="3" t="s">
        <v>32</v>
      </c>
      <c r="L98" s="3" t="s">
        <v>33</v>
      </c>
      <c r="M98" s="3" t="s">
        <v>34</v>
      </c>
      <c r="N98" s="3" t="s">
        <v>131</v>
      </c>
      <c r="O98" s="3" t="s">
        <v>54</v>
      </c>
      <c r="P98" s="3" t="s">
        <v>55</v>
      </c>
      <c r="Q98" s="3" t="s">
        <v>38</v>
      </c>
      <c r="R98" s="3" t="s">
        <v>39</v>
      </c>
      <c r="S98" s="3" t="s">
        <v>271</v>
      </c>
      <c r="T98" s="3"/>
      <c r="U98" s="3" t="s">
        <v>37</v>
      </c>
      <c r="V98" s="3" t="s">
        <v>37</v>
      </c>
    </row>
    <row r="99" spans="1:22" x14ac:dyDescent="0.25">
      <c r="A99" s="3" t="s">
        <v>22</v>
      </c>
      <c r="B99" s="4" t="s">
        <v>372</v>
      </c>
      <c r="C99" s="3" t="s">
        <v>373</v>
      </c>
      <c r="D99" s="5" t="s">
        <v>431</v>
      </c>
      <c r="E99" s="3" t="s">
        <v>47</v>
      </c>
      <c r="F99" s="3" t="s">
        <v>334</v>
      </c>
      <c r="G99" s="3" t="s">
        <v>247</v>
      </c>
      <c r="H99" s="3" t="s">
        <v>29</v>
      </c>
      <c r="I99" s="3" t="s">
        <v>51</v>
      </c>
      <c r="J99" s="3" t="s">
        <v>335</v>
      </c>
      <c r="K99" s="3" t="s">
        <v>32</v>
      </c>
      <c r="L99" s="3" t="s">
        <v>33</v>
      </c>
      <c r="M99" s="3" t="s">
        <v>34</v>
      </c>
      <c r="N99" s="3" t="s">
        <v>131</v>
      </c>
      <c r="O99" s="3" t="s">
        <v>54</v>
      </c>
      <c r="P99" s="3" t="s">
        <v>55</v>
      </c>
      <c r="Q99" s="3" t="s">
        <v>38</v>
      </c>
      <c r="R99" s="3" t="s">
        <v>39</v>
      </c>
      <c r="S99" s="3" t="s">
        <v>336</v>
      </c>
      <c r="T99" s="3"/>
      <c r="U99" s="3" t="s">
        <v>37</v>
      </c>
      <c r="V99" s="3" t="s">
        <v>37</v>
      </c>
    </row>
    <row r="100" spans="1:22" x14ac:dyDescent="0.25">
      <c r="A100" s="3" t="s">
        <v>22</v>
      </c>
      <c r="B100" s="4" t="s">
        <v>372</v>
      </c>
      <c r="C100" s="3" t="s">
        <v>373</v>
      </c>
      <c r="D100" s="5" t="s">
        <v>138</v>
      </c>
      <c r="E100" s="3" t="s">
        <v>155</v>
      </c>
      <c r="F100" s="3" t="s">
        <v>432</v>
      </c>
      <c r="G100" s="3" t="s">
        <v>433</v>
      </c>
      <c r="H100" s="3" t="s">
        <v>60</v>
      </c>
      <c r="I100" s="3" t="s">
        <v>37</v>
      </c>
      <c r="J100" s="3" t="s">
        <v>434</v>
      </c>
      <c r="K100" s="3" t="s">
        <v>32</v>
      </c>
      <c r="L100" s="3" t="s">
        <v>33</v>
      </c>
      <c r="M100" s="3" t="s">
        <v>34</v>
      </c>
      <c r="N100" s="3" t="s">
        <v>159</v>
      </c>
      <c r="O100" s="3" t="s">
        <v>36</v>
      </c>
      <c r="P100" s="3" t="s">
        <v>37</v>
      </c>
      <c r="Q100" s="3" t="s">
        <v>37</v>
      </c>
      <c r="R100" s="3" t="s">
        <v>39</v>
      </c>
      <c r="S100" s="3" t="s">
        <v>435</v>
      </c>
      <c r="T100" s="3"/>
      <c r="U100" s="3" t="s">
        <v>37</v>
      </c>
      <c r="V100" s="3" t="s">
        <v>37</v>
      </c>
    </row>
    <row r="101" spans="1:22" x14ac:dyDescent="0.25">
      <c r="A101" s="3" t="s">
        <v>22</v>
      </c>
      <c r="B101" s="4" t="s">
        <v>372</v>
      </c>
      <c r="C101" s="3" t="s">
        <v>373</v>
      </c>
      <c r="D101" s="5" t="s">
        <v>152</v>
      </c>
      <c r="E101" s="3" t="s">
        <v>436</v>
      </c>
      <c r="F101" s="3" t="s">
        <v>437</v>
      </c>
      <c r="G101" s="3" t="s">
        <v>76</v>
      </c>
      <c r="H101" s="3" t="s">
        <v>60</v>
      </c>
      <c r="I101" s="3" t="s">
        <v>438</v>
      </c>
      <c r="J101" s="3" t="s">
        <v>439</v>
      </c>
      <c r="K101" s="3" t="s">
        <v>32</v>
      </c>
      <c r="L101" s="3" t="s">
        <v>33</v>
      </c>
      <c r="M101" s="3" t="s">
        <v>69</v>
      </c>
      <c r="N101" s="3" t="s">
        <v>440</v>
      </c>
      <c r="O101" s="3" t="s">
        <v>54</v>
      </c>
      <c r="P101" s="3" t="s">
        <v>37</v>
      </c>
      <c r="Q101" s="3" t="s">
        <v>37</v>
      </c>
      <c r="R101" s="3" t="s">
        <v>39</v>
      </c>
      <c r="S101" s="3" t="s">
        <v>441</v>
      </c>
      <c r="T101" s="3"/>
      <c r="U101" s="3" t="s">
        <v>37</v>
      </c>
      <c r="V101" s="3" t="s">
        <v>37</v>
      </c>
    </row>
    <row r="102" spans="1:22" x14ac:dyDescent="0.25">
      <c r="A102" s="3" t="s">
        <v>22</v>
      </c>
      <c r="B102" s="4" t="s">
        <v>372</v>
      </c>
      <c r="C102" s="3" t="s">
        <v>373</v>
      </c>
      <c r="D102" s="5" t="s">
        <v>302</v>
      </c>
      <c r="E102" s="3" t="s">
        <v>436</v>
      </c>
      <c r="F102" s="3" t="s">
        <v>442</v>
      </c>
      <c r="G102" s="3" t="s">
        <v>443</v>
      </c>
      <c r="H102" s="3" t="s">
        <v>60</v>
      </c>
      <c r="I102" s="3" t="s">
        <v>444</v>
      </c>
      <c r="J102" s="3" t="s">
        <v>445</v>
      </c>
      <c r="K102" s="3" t="s">
        <v>32</v>
      </c>
      <c r="L102" s="3" t="s">
        <v>33</v>
      </c>
      <c r="M102" s="3" t="s">
        <v>69</v>
      </c>
      <c r="N102" s="3" t="s">
        <v>440</v>
      </c>
      <c r="O102" s="3" t="s">
        <v>54</v>
      </c>
      <c r="P102" s="3" t="s">
        <v>37</v>
      </c>
      <c r="Q102" s="3" t="s">
        <v>37</v>
      </c>
      <c r="R102" s="3" t="s">
        <v>39</v>
      </c>
      <c r="S102" s="3" t="s">
        <v>446</v>
      </c>
      <c r="T102" s="3"/>
      <c r="U102" s="3" t="s">
        <v>37</v>
      </c>
      <c r="V102" s="3" t="s">
        <v>37</v>
      </c>
    </row>
    <row r="103" spans="1:22" x14ac:dyDescent="0.25">
      <c r="A103" s="3" t="s">
        <v>22</v>
      </c>
      <c r="B103" s="4" t="s">
        <v>372</v>
      </c>
      <c r="C103" s="3" t="s">
        <v>373</v>
      </c>
      <c r="D103" s="5" t="s">
        <v>168</v>
      </c>
      <c r="E103" s="3" t="s">
        <v>47</v>
      </c>
      <c r="F103" s="3" t="s">
        <v>447</v>
      </c>
      <c r="G103" s="3" t="s">
        <v>253</v>
      </c>
      <c r="H103" s="3" t="s">
        <v>60</v>
      </c>
      <c r="I103" s="3" t="s">
        <v>51</v>
      </c>
      <c r="J103" s="3" t="s">
        <v>448</v>
      </c>
      <c r="K103" s="3" t="s">
        <v>32</v>
      </c>
      <c r="L103" s="3" t="s">
        <v>33</v>
      </c>
      <c r="M103" s="3" t="s">
        <v>34</v>
      </c>
      <c r="N103" s="3" t="s">
        <v>62</v>
      </c>
      <c r="O103" s="3" t="s">
        <v>54</v>
      </c>
      <c r="P103" s="3" t="s">
        <v>55</v>
      </c>
      <c r="Q103" s="3" t="s">
        <v>37</v>
      </c>
      <c r="R103" s="3" t="s">
        <v>39</v>
      </c>
      <c r="S103" s="3" t="s">
        <v>449</v>
      </c>
      <c r="T103" s="3"/>
      <c r="U103" s="3" t="s">
        <v>37</v>
      </c>
      <c r="V103" s="3" t="s">
        <v>37</v>
      </c>
    </row>
    <row r="104" spans="1:22" x14ac:dyDescent="0.25">
      <c r="A104" s="3" t="s">
        <v>22</v>
      </c>
      <c r="B104" s="4" t="s">
        <v>372</v>
      </c>
      <c r="C104" s="3" t="s">
        <v>373</v>
      </c>
      <c r="D104" s="5" t="s">
        <v>172</v>
      </c>
      <c r="E104" s="3" t="s">
        <v>47</v>
      </c>
      <c r="F104" s="3" t="s">
        <v>450</v>
      </c>
      <c r="G104" s="3" t="s">
        <v>313</v>
      </c>
      <c r="H104" s="3" t="s">
        <v>60</v>
      </c>
      <c r="I104" s="3" t="s">
        <v>51</v>
      </c>
      <c r="J104" s="3" t="s">
        <v>451</v>
      </c>
      <c r="K104" s="3" t="s">
        <v>32</v>
      </c>
      <c r="L104" s="3" t="s">
        <v>33</v>
      </c>
      <c r="M104" s="3" t="s">
        <v>34</v>
      </c>
      <c r="N104" s="3" t="s">
        <v>62</v>
      </c>
      <c r="O104" s="3" t="s">
        <v>54</v>
      </c>
      <c r="P104" s="3" t="s">
        <v>55</v>
      </c>
      <c r="Q104" s="3" t="s">
        <v>37</v>
      </c>
      <c r="R104" s="3" t="s">
        <v>39</v>
      </c>
      <c r="S104" s="3" t="s">
        <v>452</v>
      </c>
      <c r="T104" s="3"/>
      <c r="U104" s="3" t="s">
        <v>37</v>
      </c>
      <c r="V104" s="3" t="s">
        <v>37</v>
      </c>
    </row>
    <row r="105" spans="1:22" x14ac:dyDescent="0.25">
      <c r="A105" s="3" t="s">
        <v>22</v>
      </c>
      <c r="B105" s="4" t="s">
        <v>372</v>
      </c>
      <c r="C105" s="3" t="s">
        <v>373</v>
      </c>
      <c r="D105" s="5" t="s">
        <v>176</v>
      </c>
      <c r="E105" s="3" t="s">
        <v>453</v>
      </c>
      <c r="F105" s="3" t="s">
        <v>454</v>
      </c>
      <c r="G105" s="3" t="s">
        <v>455</v>
      </c>
      <c r="H105" s="3" t="s">
        <v>60</v>
      </c>
      <c r="I105" s="3" t="s">
        <v>37</v>
      </c>
      <c r="J105" s="3" t="s">
        <v>37</v>
      </c>
      <c r="K105" s="3" t="s">
        <v>32</v>
      </c>
      <c r="L105" s="3" t="s">
        <v>33</v>
      </c>
      <c r="M105" s="3" t="s">
        <v>69</v>
      </c>
      <c r="N105" s="3" t="s">
        <v>159</v>
      </c>
      <c r="O105" s="3" t="s">
        <v>54</v>
      </c>
      <c r="P105" s="3" t="s">
        <v>37</v>
      </c>
      <c r="Q105" s="3" t="s">
        <v>37</v>
      </c>
      <c r="R105" s="3" t="s">
        <v>39</v>
      </c>
      <c r="S105" s="3" t="s">
        <v>456</v>
      </c>
      <c r="T105" s="3" t="s">
        <v>126</v>
      </c>
      <c r="U105" s="3" t="s">
        <v>37</v>
      </c>
      <c r="V105" s="3" t="s">
        <v>37</v>
      </c>
    </row>
    <row r="106" spans="1:22" x14ac:dyDescent="0.25">
      <c r="A106" s="3" t="s">
        <v>22</v>
      </c>
      <c r="B106" s="4" t="s">
        <v>372</v>
      </c>
      <c r="C106" s="3" t="s">
        <v>373</v>
      </c>
      <c r="D106" s="5" t="s">
        <v>183</v>
      </c>
      <c r="E106" s="3" t="s">
        <v>453</v>
      </c>
      <c r="F106" s="3" t="s">
        <v>457</v>
      </c>
      <c r="G106" s="3" t="s">
        <v>153</v>
      </c>
      <c r="H106" s="3" t="s">
        <v>60</v>
      </c>
      <c r="I106" s="3" t="s">
        <v>37</v>
      </c>
      <c r="J106" s="3" t="s">
        <v>458</v>
      </c>
      <c r="K106" s="3" t="s">
        <v>32</v>
      </c>
      <c r="L106" s="3" t="s">
        <v>33</v>
      </c>
      <c r="M106" s="3" t="s">
        <v>69</v>
      </c>
      <c r="N106" s="3" t="s">
        <v>159</v>
      </c>
      <c r="O106" s="3" t="s">
        <v>54</v>
      </c>
      <c r="P106" s="3" t="s">
        <v>37</v>
      </c>
      <c r="Q106" s="3" t="s">
        <v>37</v>
      </c>
      <c r="R106" s="3" t="s">
        <v>39</v>
      </c>
      <c r="S106" s="3" t="s">
        <v>459</v>
      </c>
      <c r="T106" s="3"/>
      <c r="U106" s="3" t="s">
        <v>37</v>
      </c>
      <c r="V106" s="3" t="s">
        <v>37</v>
      </c>
    </row>
    <row r="107" spans="1:22" x14ac:dyDescent="0.25">
      <c r="A107" s="3" t="s">
        <v>22</v>
      </c>
      <c r="B107" s="4" t="s">
        <v>372</v>
      </c>
      <c r="C107" s="3" t="s">
        <v>373</v>
      </c>
      <c r="D107" s="5" t="s">
        <v>189</v>
      </c>
      <c r="E107" s="3" t="s">
        <v>47</v>
      </c>
      <c r="F107" s="3" t="s">
        <v>460</v>
      </c>
      <c r="G107" s="3" t="s">
        <v>29</v>
      </c>
      <c r="H107" s="3" t="s">
        <v>29</v>
      </c>
      <c r="I107" s="3" t="s">
        <v>51</v>
      </c>
      <c r="J107" s="3" t="s">
        <v>461</v>
      </c>
      <c r="K107" s="3" t="s">
        <v>32</v>
      </c>
      <c r="L107" s="3" t="s">
        <v>33</v>
      </c>
      <c r="M107" s="3" t="s">
        <v>34</v>
      </c>
      <c r="N107" s="3" t="s">
        <v>131</v>
      </c>
      <c r="O107" s="3" t="s">
        <v>54</v>
      </c>
      <c r="P107" s="3" t="s">
        <v>55</v>
      </c>
      <c r="Q107" s="3" t="s">
        <v>38</v>
      </c>
      <c r="R107" s="3" t="s">
        <v>39</v>
      </c>
      <c r="S107" s="3" t="s">
        <v>462</v>
      </c>
      <c r="T107" s="3"/>
      <c r="U107" s="3" t="s">
        <v>37</v>
      </c>
      <c r="V107" s="3" t="s">
        <v>37</v>
      </c>
    </row>
    <row r="108" spans="1:22" x14ac:dyDescent="0.25">
      <c r="A108" s="3" t="s">
        <v>22</v>
      </c>
      <c r="B108" s="4" t="s">
        <v>372</v>
      </c>
      <c r="C108" s="3" t="s">
        <v>373</v>
      </c>
      <c r="D108" s="5" t="s">
        <v>328</v>
      </c>
      <c r="E108" s="3" t="s">
        <v>47</v>
      </c>
      <c r="F108" s="3" t="s">
        <v>463</v>
      </c>
      <c r="G108" s="3" t="s">
        <v>60</v>
      </c>
      <c r="H108" s="3" t="s">
        <v>29</v>
      </c>
      <c r="I108" s="3" t="s">
        <v>464</v>
      </c>
      <c r="J108" s="3" t="s">
        <v>465</v>
      </c>
      <c r="K108" s="3" t="s">
        <v>32</v>
      </c>
      <c r="L108" s="3" t="s">
        <v>33</v>
      </c>
      <c r="M108" s="3" t="s">
        <v>34</v>
      </c>
      <c r="N108" s="3" t="s">
        <v>131</v>
      </c>
      <c r="O108" s="3" t="s">
        <v>54</v>
      </c>
      <c r="P108" s="3" t="s">
        <v>55</v>
      </c>
      <c r="Q108" s="3" t="s">
        <v>38</v>
      </c>
      <c r="R108" s="3" t="s">
        <v>39</v>
      </c>
      <c r="S108" s="3" t="s">
        <v>466</v>
      </c>
      <c r="T108" s="3"/>
      <c r="U108" s="3" t="s">
        <v>37</v>
      </c>
      <c r="V108" s="3" t="s">
        <v>37</v>
      </c>
    </row>
    <row r="109" spans="1:22" x14ac:dyDescent="0.25">
      <c r="A109" s="3" t="s">
        <v>22</v>
      </c>
      <c r="B109" s="4" t="s">
        <v>372</v>
      </c>
      <c r="C109" s="3" t="s">
        <v>373</v>
      </c>
      <c r="D109" s="5" t="s">
        <v>329</v>
      </c>
      <c r="E109" s="3" t="s">
        <v>47</v>
      </c>
      <c r="F109" s="3" t="s">
        <v>467</v>
      </c>
      <c r="G109" s="3" t="s">
        <v>50</v>
      </c>
      <c r="H109" s="3" t="s">
        <v>29</v>
      </c>
      <c r="I109" s="3" t="s">
        <v>51</v>
      </c>
      <c r="J109" s="3" t="s">
        <v>468</v>
      </c>
      <c r="K109" s="3" t="s">
        <v>32</v>
      </c>
      <c r="L109" s="3" t="s">
        <v>33</v>
      </c>
      <c r="M109" s="3" t="s">
        <v>34</v>
      </c>
      <c r="N109" s="3" t="s">
        <v>131</v>
      </c>
      <c r="O109" s="3" t="s">
        <v>54</v>
      </c>
      <c r="P109" s="3" t="s">
        <v>55</v>
      </c>
      <c r="Q109" s="3" t="s">
        <v>38</v>
      </c>
      <c r="R109" s="3" t="s">
        <v>39</v>
      </c>
      <c r="S109" s="3" t="s">
        <v>469</v>
      </c>
      <c r="T109" s="3"/>
      <c r="U109" s="3" t="s">
        <v>37</v>
      </c>
      <c r="V109" s="3" t="s">
        <v>37</v>
      </c>
    </row>
    <row r="110" spans="1:22" x14ac:dyDescent="0.25">
      <c r="A110" s="3" t="s">
        <v>22</v>
      </c>
      <c r="B110" s="4" t="s">
        <v>372</v>
      </c>
      <c r="C110" s="3" t="s">
        <v>373</v>
      </c>
      <c r="D110" s="5" t="s">
        <v>333</v>
      </c>
      <c r="E110" s="3" t="s">
        <v>74</v>
      </c>
      <c r="F110" s="3" t="s">
        <v>470</v>
      </c>
      <c r="G110" s="3" t="s">
        <v>204</v>
      </c>
      <c r="H110" s="3" t="s">
        <v>50</v>
      </c>
      <c r="I110" s="3" t="s">
        <v>37</v>
      </c>
      <c r="J110" s="3" t="s">
        <v>471</v>
      </c>
      <c r="K110" s="3" t="s">
        <v>32</v>
      </c>
      <c r="L110" s="3" t="s">
        <v>33</v>
      </c>
      <c r="M110" s="3" t="s">
        <v>69</v>
      </c>
      <c r="N110" s="3" t="s">
        <v>159</v>
      </c>
      <c r="O110" s="3" t="s">
        <v>113</v>
      </c>
      <c r="P110" s="3" t="s">
        <v>55</v>
      </c>
      <c r="Q110" s="3" t="s">
        <v>37</v>
      </c>
      <c r="R110" s="3" t="s">
        <v>39</v>
      </c>
      <c r="S110" s="3" t="s">
        <v>472</v>
      </c>
      <c r="T110" s="3"/>
      <c r="U110" s="3" t="s">
        <v>37</v>
      </c>
      <c r="V110" s="3" t="s">
        <v>37</v>
      </c>
    </row>
    <row r="111" spans="1:22" x14ac:dyDescent="0.25">
      <c r="A111" s="3" t="s">
        <v>22</v>
      </c>
      <c r="B111" s="4" t="s">
        <v>372</v>
      </c>
      <c r="C111" s="3" t="s">
        <v>373</v>
      </c>
      <c r="D111" s="5" t="s">
        <v>337</v>
      </c>
      <c r="E111" s="3" t="s">
        <v>74</v>
      </c>
      <c r="F111" s="3" t="s">
        <v>473</v>
      </c>
      <c r="G111" s="3" t="s">
        <v>474</v>
      </c>
      <c r="H111" s="3" t="s">
        <v>50</v>
      </c>
      <c r="I111" s="3" t="s">
        <v>37</v>
      </c>
      <c r="J111" s="3" t="s">
        <v>475</v>
      </c>
      <c r="K111" s="3" t="s">
        <v>32</v>
      </c>
      <c r="L111" s="3" t="s">
        <v>33</v>
      </c>
      <c r="M111" s="3" t="s">
        <v>69</v>
      </c>
      <c r="N111" s="3" t="s">
        <v>159</v>
      </c>
      <c r="O111" s="3" t="s">
        <v>54</v>
      </c>
      <c r="P111" s="3" t="s">
        <v>55</v>
      </c>
      <c r="Q111" s="3" t="s">
        <v>37</v>
      </c>
      <c r="R111" s="3" t="s">
        <v>39</v>
      </c>
      <c r="S111" s="3" t="s">
        <v>476</v>
      </c>
      <c r="T111" s="3"/>
      <c r="U111" s="3" t="s">
        <v>37</v>
      </c>
      <c r="V111" s="3" t="s">
        <v>37</v>
      </c>
    </row>
    <row r="112" spans="1:22" x14ac:dyDescent="0.25">
      <c r="A112" s="3" t="s">
        <v>22</v>
      </c>
      <c r="B112" s="4" t="s">
        <v>372</v>
      </c>
      <c r="C112" s="3" t="s">
        <v>373</v>
      </c>
      <c r="D112" s="5" t="s">
        <v>477</v>
      </c>
      <c r="E112" s="3" t="s">
        <v>478</v>
      </c>
      <c r="F112" s="3" t="s">
        <v>479</v>
      </c>
      <c r="G112" s="3" t="s">
        <v>480</v>
      </c>
      <c r="H112" s="3" t="s">
        <v>60</v>
      </c>
      <c r="I112" s="3" t="s">
        <v>481</v>
      </c>
      <c r="J112" s="3" t="s">
        <v>482</v>
      </c>
      <c r="K112" s="3" t="s">
        <v>32</v>
      </c>
      <c r="L112" s="3" t="s">
        <v>37</v>
      </c>
      <c r="M112" s="3" t="s">
        <v>34</v>
      </c>
      <c r="N112" s="3" t="s">
        <v>79</v>
      </c>
      <c r="O112" s="3" t="s">
        <v>113</v>
      </c>
      <c r="P112" s="3" t="s">
        <v>37</v>
      </c>
      <c r="Q112" s="3" t="s">
        <v>37</v>
      </c>
      <c r="R112" s="3" t="s">
        <v>39</v>
      </c>
      <c r="S112" s="3" t="s">
        <v>483</v>
      </c>
      <c r="T112" s="3"/>
      <c r="U112" s="3" t="s">
        <v>37</v>
      </c>
      <c r="V112" s="3" t="s">
        <v>37</v>
      </c>
    </row>
    <row r="113" spans="1:22" x14ac:dyDescent="0.25">
      <c r="A113" s="3" t="s">
        <v>22</v>
      </c>
      <c r="B113" s="4" t="s">
        <v>372</v>
      </c>
      <c r="C113" s="3" t="s">
        <v>373</v>
      </c>
      <c r="D113" s="5" t="s">
        <v>484</v>
      </c>
      <c r="E113" s="3" t="s">
        <v>478</v>
      </c>
      <c r="F113" s="3" t="s">
        <v>485</v>
      </c>
      <c r="G113" s="3" t="s">
        <v>486</v>
      </c>
      <c r="H113" s="3" t="s">
        <v>60</v>
      </c>
      <c r="I113" s="3" t="s">
        <v>481</v>
      </c>
      <c r="J113" s="3" t="s">
        <v>487</v>
      </c>
      <c r="K113" s="3" t="s">
        <v>32</v>
      </c>
      <c r="L113" s="3" t="s">
        <v>37</v>
      </c>
      <c r="M113" s="3" t="s">
        <v>34</v>
      </c>
      <c r="N113" s="3" t="s">
        <v>79</v>
      </c>
      <c r="O113" s="3" t="s">
        <v>113</v>
      </c>
      <c r="P113" s="3" t="s">
        <v>37</v>
      </c>
      <c r="Q113" s="3" t="s">
        <v>37</v>
      </c>
      <c r="R113" s="3" t="s">
        <v>39</v>
      </c>
      <c r="S113" s="3" t="s">
        <v>488</v>
      </c>
      <c r="T113" s="3"/>
      <c r="U113" s="3" t="s">
        <v>37</v>
      </c>
      <c r="V113" s="3" t="s">
        <v>37</v>
      </c>
    </row>
    <row r="114" spans="1:22" x14ac:dyDescent="0.25">
      <c r="A114" s="3" t="s">
        <v>22</v>
      </c>
      <c r="B114" s="4" t="s">
        <v>372</v>
      </c>
      <c r="C114" s="3" t="s">
        <v>373</v>
      </c>
      <c r="D114" s="5" t="s">
        <v>207</v>
      </c>
      <c r="E114" s="3" t="s">
        <v>177</v>
      </c>
      <c r="F114" s="3" t="s">
        <v>489</v>
      </c>
      <c r="G114" s="3" t="s">
        <v>153</v>
      </c>
      <c r="H114" s="3" t="s">
        <v>60</v>
      </c>
      <c r="I114" s="3" t="s">
        <v>490</v>
      </c>
      <c r="J114" s="3" t="s">
        <v>491</v>
      </c>
      <c r="K114" s="3" t="s">
        <v>32</v>
      </c>
      <c r="L114" s="3" t="s">
        <v>106</v>
      </c>
      <c r="M114" s="3" t="s">
        <v>69</v>
      </c>
      <c r="N114" s="3" t="s">
        <v>62</v>
      </c>
      <c r="O114" s="3" t="s">
        <v>36</v>
      </c>
      <c r="P114" s="3" t="s">
        <v>37</v>
      </c>
      <c r="Q114" s="3" t="s">
        <v>37</v>
      </c>
      <c r="R114" s="3" t="s">
        <v>39</v>
      </c>
      <c r="S114" s="3" t="s">
        <v>492</v>
      </c>
      <c r="T114" s="3"/>
      <c r="U114" s="3" t="s">
        <v>37</v>
      </c>
      <c r="V114" s="3" t="s">
        <v>37</v>
      </c>
    </row>
    <row r="115" spans="1:22" x14ac:dyDescent="0.25">
      <c r="A115" s="3" t="s">
        <v>22</v>
      </c>
      <c r="B115" s="4" t="s">
        <v>372</v>
      </c>
      <c r="C115" s="3" t="s">
        <v>373</v>
      </c>
      <c r="D115" s="5" t="s">
        <v>493</v>
      </c>
      <c r="E115" s="3" t="s">
        <v>177</v>
      </c>
      <c r="F115" s="3" t="s">
        <v>494</v>
      </c>
      <c r="G115" s="3" t="s">
        <v>313</v>
      </c>
      <c r="H115" s="3" t="s">
        <v>60</v>
      </c>
      <c r="I115" s="3" t="s">
        <v>495</v>
      </c>
      <c r="J115" s="3" t="s">
        <v>496</v>
      </c>
      <c r="K115" s="3" t="s">
        <v>32</v>
      </c>
      <c r="L115" s="3" t="s">
        <v>106</v>
      </c>
      <c r="M115" s="3" t="s">
        <v>69</v>
      </c>
      <c r="N115" s="3" t="s">
        <v>62</v>
      </c>
      <c r="O115" s="3" t="s">
        <v>54</v>
      </c>
      <c r="P115" s="3" t="s">
        <v>37</v>
      </c>
      <c r="Q115" s="3" t="s">
        <v>37</v>
      </c>
      <c r="R115" s="3" t="s">
        <v>39</v>
      </c>
      <c r="S115" s="3" t="s">
        <v>497</v>
      </c>
      <c r="T115" s="3"/>
      <c r="U115" s="3" t="s">
        <v>37</v>
      </c>
      <c r="V115" s="3" t="s">
        <v>37</v>
      </c>
    </row>
    <row r="116" spans="1:22" x14ac:dyDescent="0.25">
      <c r="A116" s="3" t="s">
        <v>22</v>
      </c>
      <c r="B116" s="4" t="s">
        <v>372</v>
      </c>
      <c r="C116" s="3" t="s">
        <v>373</v>
      </c>
      <c r="D116" s="5" t="s">
        <v>215</v>
      </c>
      <c r="E116" s="3" t="s">
        <v>498</v>
      </c>
      <c r="F116" s="3" t="s">
        <v>499</v>
      </c>
      <c r="G116" s="3" t="s">
        <v>29</v>
      </c>
      <c r="H116" s="3" t="s">
        <v>29</v>
      </c>
      <c r="I116" s="3" t="s">
        <v>37</v>
      </c>
      <c r="J116" s="3" t="s">
        <v>500</v>
      </c>
      <c r="K116" s="3" t="s">
        <v>32</v>
      </c>
      <c r="L116" s="3" t="s">
        <v>106</v>
      </c>
      <c r="M116" s="3" t="s">
        <v>69</v>
      </c>
      <c r="N116" s="3" t="s">
        <v>53</v>
      </c>
      <c r="O116" s="3" t="s">
        <v>113</v>
      </c>
      <c r="P116" s="3" t="s">
        <v>55</v>
      </c>
      <c r="Q116" s="3" t="s">
        <v>37</v>
      </c>
      <c r="R116" s="3" t="s">
        <v>39</v>
      </c>
      <c r="S116" s="3" t="s">
        <v>501</v>
      </c>
      <c r="T116" s="3"/>
      <c r="U116" s="3" t="s">
        <v>37</v>
      </c>
      <c r="V116" s="3" t="s">
        <v>37</v>
      </c>
    </row>
    <row r="117" spans="1:22" x14ac:dyDescent="0.25">
      <c r="A117" s="3" t="s">
        <v>22</v>
      </c>
      <c r="B117" s="4" t="s">
        <v>372</v>
      </c>
      <c r="C117" s="3" t="s">
        <v>373</v>
      </c>
      <c r="D117" s="5" t="s">
        <v>216</v>
      </c>
      <c r="E117" s="3" t="s">
        <v>498</v>
      </c>
      <c r="F117" s="3" t="s">
        <v>502</v>
      </c>
      <c r="G117" s="3" t="s">
        <v>60</v>
      </c>
      <c r="H117" s="3" t="s">
        <v>29</v>
      </c>
      <c r="I117" s="3" t="s">
        <v>37</v>
      </c>
      <c r="J117" s="3" t="s">
        <v>503</v>
      </c>
      <c r="K117" s="3" t="s">
        <v>32</v>
      </c>
      <c r="L117" s="3" t="s">
        <v>106</v>
      </c>
      <c r="M117" s="3" t="s">
        <v>69</v>
      </c>
      <c r="N117" s="3" t="s">
        <v>53</v>
      </c>
      <c r="O117" s="3" t="s">
        <v>36</v>
      </c>
      <c r="P117" s="3" t="s">
        <v>55</v>
      </c>
      <c r="Q117" s="3" t="s">
        <v>37</v>
      </c>
      <c r="R117" s="3" t="s">
        <v>39</v>
      </c>
      <c r="S117" s="3" t="s">
        <v>504</v>
      </c>
      <c r="T117" s="3"/>
      <c r="U117" s="3" t="s">
        <v>37</v>
      </c>
      <c r="V117" s="3" t="s">
        <v>37</v>
      </c>
    </row>
    <row r="118" spans="1:22" x14ac:dyDescent="0.25">
      <c r="A118" s="3" t="s">
        <v>22</v>
      </c>
      <c r="B118" s="4" t="s">
        <v>372</v>
      </c>
      <c r="C118" s="3" t="s">
        <v>373</v>
      </c>
      <c r="D118" s="5" t="s">
        <v>217</v>
      </c>
      <c r="E118" s="3" t="s">
        <v>505</v>
      </c>
      <c r="F118" s="3" t="s">
        <v>506</v>
      </c>
      <c r="G118" s="3" t="s">
        <v>507</v>
      </c>
      <c r="H118" s="3" t="s">
        <v>29</v>
      </c>
      <c r="I118" s="3" t="s">
        <v>508</v>
      </c>
      <c r="J118" s="3" t="s">
        <v>509</v>
      </c>
      <c r="K118" s="3" t="s">
        <v>32</v>
      </c>
      <c r="L118" s="3" t="s">
        <v>106</v>
      </c>
      <c r="M118" s="3" t="s">
        <v>510</v>
      </c>
      <c r="N118" s="3" t="s">
        <v>511</v>
      </c>
      <c r="O118" s="3" t="s">
        <v>512</v>
      </c>
      <c r="P118" s="3" t="s">
        <v>55</v>
      </c>
      <c r="Q118" s="3" t="s">
        <v>38</v>
      </c>
      <c r="R118" s="3" t="s">
        <v>39</v>
      </c>
      <c r="S118" s="3" t="s">
        <v>513</v>
      </c>
      <c r="T118" s="3"/>
      <c r="U118" s="3" t="s">
        <v>37</v>
      </c>
      <c r="V118" s="3" t="s">
        <v>37</v>
      </c>
    </row>
    <row r="119" spans="1:22" x14ac:dyDescent="0.25">
      <c r="A119" s="3"/>
      <c r="B119" s="4"/>
      <c r="C119" s="3"/>
      <c r="D119" s="5"/>
      <c r="E119" s="6" t="s">
        <v>225</v>
      </c>
      <c r="F119" s="3"/>
      <c r="G119" s="3"/>
      <c r="H119" s="3"/>
      <c r="I119" s="3"/>
      <c r="J119" s="3"/>
      <c r="K119" s="3"/>
      <c r="L119" s="3"/>
      <c r="M119" s="3"/>
      <c r="N119" s="3"/>
      <c r="O119" s="3"/>
      <c r="P119" s="3"/>
      <c r="Q119" s="3"/>
      <c r="R119" s="3"/>
      <c r="S119" s="3"/>
      <c r="T119" s="3"/>
      <c r="U119" s="3"/>
      <c r="V119" s="3"/>
    </row>
    <row r="120" spans="1:22" x14ac:dyDescent="0.25">
      <c r="A120" s="3"/>
      <c r="B120" s="4"/>
      <c r="C120" s="3"/>
      <c r="D120" s="5"/>
      <c r="E120" s="6"/>
      <c r="F120" s="3"/>
      <c r="G120" s="3"/>
      <c r="H120" s="3"/>
      <c r="I120" s="3"/>
      <c r="J120" s="3"/>
      <c r="K120" s="3"/>
      <c r="L120" s="3"/>
      <c r="M120" s="3"/>
      <c r="N120" s="3"/>
      <c r="O120" s="3"/>
      <c r="P120" s="3"/>
      <c r="Q120" s="3"/>
      <c r="R120" s="3"/>
      <c r="S120" s="3"/>
      <c r="T120" s="3"/>
      <c r="U120" s="3"/>
      <c r="V120" s="3"/>
    </row>
    <row r="121" spans="1:22" x14ac:dyDescent="0.25">
      <c r="A121" s="3"/>
      <c r="B121" s="4"/>
      <c r="C121" s="3"/>
      <c r="D121" s="5"/>
      <c r="E121" s="3"/>
      <c r="F121" s="3"/>
      <c r="G121" s="3"/>
      <c r="H121" s="3"/>
      <c r="I121" s="3"/>
      <c r="J121" s="3"/>
      <c r="K121" s="3"/>
      <c r="L121" s="3"/>
      <c r="M121" s="3"/>
      <c r="N121" s="3"/>
      <c r="O121" s="3"/>
      <c r="P121" s="3"/>
      <c r="Q121" s="3"/>
      <c r="R121" s="3"/>
      <c r="S121" s="3"/>
      <c r="T121" s="3"/>
      <c r="U121" s="3"/>
      <c r="V121" s="3"/>
    </row>
    <row r="122" spans="1:22" x14ac:dyDescent="0.25">
      <c r="A122" s="3" t="s">
        <v>22</v>
      </c>
      <c r="B122" s="4" t="s">
        <v>514</v>
      </c>
      <c r="C122" s="3" t="s">
        <v>515</v>
      </c>
      <c r="D122" s="5" t="s">
        <v>25</v>
      </c>
      <c r="E122" s="3" t="s">
        <v>139</v>
      </c>
      <c r="F122" s="3" t="s">
        <v>516</v>
      </c>
      <c r="G122" s="3" t="s">
        <v>129</v>
      </c>
      <c r="H122" s="3" t="s">
        <v>29</v>
      </c>
      <c r="I122" s="3" t="s">
        <v>296</v>
      </c>
      <c r="J122" s="3" t="s">
        <v>517</v>
      </c>
      <c r="K122" s="3" t="s">
        <v>32</v>
      </c>
      <c r="L122" s="3" t="s">
        <v>33</v>
      </c>
      <c r="M122" s="3" t="s">
        <v>69</v>
      </c>
      <c r="N122" s="3" t="s">
        <v>79</v>
      </c>
      <c r="O122" s="3" t="s">
        <v>54</v>
      </c>
      <c r="P122" s="3" t="s">
        <v>37</v>
      </c>
      <c r="Q122" s="3" t="s">
        <v>37</v>
      </c>
      <c r="R122" s="3" t="s">
        <v>39</v>
      </c>
      <c r="S122" s="3" t="s">
        <v>518</v>
      </c>
      <c r="T122" s="3"/>
      <c r="U122" s="3" t="s">
        <v>37</v>
      </c>
      <c r="V122" s="3" t="s">
        <v>145</v>
      </c>
    </row>
    <row r="123" spans="1:22" x14ac:dyDescent="0.25">
      <c r="A123" s="3" t="s">
        <v>22</v>
      </c>
      <c r="B123" s="4" t="s">
        <v>514</v>
      </c>
      <c r="C123" s="3" t="s">
        <v>515</v>
      </c>
      <c r="D123" s="5" t="s">
        <v>41</v>
      </c>
      <c r="E123" s="3" t="s">
        <v>139</v>
      </c>
      <c r="F123" s="3" t="s">
        <v>519</v>
      </c>
      <c r="G123" s="3" t="s">
        <v>358</v>
      </c>
      <c r="H123" s="3" t="s">
        <v>29</v>
      </c>
      <c r="I123" s="3" t="s">
        <v>296</v>
      </c>
      <c r="J123" s="3" t="s">
        <v>520</v>
      </c>
      <c r="K123" s="3" t="s">
        <v>32</v>
      </c>
      <c r="L123" s="3" t="s">
        <v>33</v>
      </c>
      <c r="M123" s="3" t="s">
        <v>69</v>
      </c>
      <c r="N123" s="3" t="s">
        <v>79</v>
      </c>
      <c r="O123" s="3" t="s">
        <v>54</v>
      </c>
      <c r="P123" s="3" t="s">
        <v>37</v>
      </c>
      <c r="Q123" s="3" t="s">
        <v>37</v>
      </c>
      <c r="R123" s="3" t="s">
        <v>39</v>
      </c>
      <c r="S123" s="3" t="s">
        <v>521</v>
      </c>
      <c r="T123" s="3"/>
      <c r="U123" s="3" t="s">
        <v>37</v>
      </c>
      <c r="V123" s="3" t="s">
        <v>145</v>
      </c>
    </row>
    <row r="124" spans="1:22" x14ac:dyDescent="0.25">
      <c r="A124" s="3" t="s">
        <v>22</v>
      </c>
      <c r="B124" s="4" t="s">
        <v>514</v>
      </c>
      <c r="C124" s="3" t="s">
        <v>515</v>
      </c>
      <c r="D124" s="5" t="s">
        <v>46</v>
      </c>
      <c r="E124" s="3" t="s">
        <v>47</v>
      </c>
      <c r="F124" s="3" t="s">
        <v>467</v>
      </c>
      <c r="G124" s="3" t="s">
        <v>50</v>
      </c>
      <c r="H124" s="3" t="s">
        <v>29</v>
      </c>
      <c r="I124" s="3" t="s">
        <v>51</v>
      </c>
      <c r="J124" s="3" t="s">
        <v>468</v>
      </c>
      <c r="K124" s="3" t="s">
        <v>32</v>
      </c>
      <c r="L124" s="3" t="s">
        <v>33</v>
      </c>
      <c r="M124" s="3" t="s">
        <v>34</v>
      </c>
      <c r="N124" s="3" t="s">
        <v>131</v>
      </c>
      <c r="O124" s="3" t="s">
        <v>54</v>
      </c>
      <c r="P124" s="3" t="s">
        <v>55</v>
      </c>
      <c r="Q124" s="3" t="s">
        <v>38</v>
      </c>
      <c r="R124" s="3" t="s">
        <v>39</v>
      </c>
      <c r="S124" s="3" t="s">
        <v>469</v>
      </c>
      <c r="T124" s="3"/>
      <c r="U124" s="3" t="s">
        <v>37</v>
      </c>
      <c r="V124" s="3" t="s">
        <v>37</v>
      </c>
    </row>
    <row r="125" spans="1:22" x14ac:dyDescent="0.25">
      <c r="A125" s="3" t="s">
        <v>22</v>
      </c>
      <c r="B125" s="4" t="s">
        <v>514</v>
      </c>
      <c r="C125" s="3" t="s">
        <v>515</v>
      </c>
      <c r="D125" s="5" t="s">
        <v>57</v>
      </c>
      <c r="E125" s="3" t="s">
        <v>47</v>
      </c>
      <c r="F125" s="3" t="s">
        <v>522</v>
      </c>
      <c r="G125" s="3" t="s">
        <v>180</v>
      </c>
      <c r="H125" s="3" t="s">
        <v>29</v>
      </c>
      <c r="I125" s="3" t="s">
        <v>51</v>
      </c>
      <c r="J125" s="3" t="s">
        <v>523</v>
      </c>
      <c r="K125" s="3" t="s">
        <v>32</v>
      </c>
      <c r="L125" s="3" t="s">
        <v>33</v>
      </c>
      <c r="M125" s="3" t="s">
        <v>34</v>
      </c>
      <c r="N125" s="3" t="s">
        <v>131</v>
      </c>
      <c r="O125" s="3" t="s">
        <v>54</v>
      </c>
      <c r="P125" s="3" t="s">
        <v>55</v>
      </c>
      <c r="Q125" s="3" t="s">
        <v>38</v>
      </c>
      <c r="R125" s="3" t="s">
        <v>39</v>
      </c>
      <c r="S125" s="3" t="s">
        <v>524</v>
      </c>
      <c r="T125" s="3"/>
      <c r="U125" s="3" t="s">
        <v>37</v>
      </c>
      <c r="V125" s="3" t="s">
        <v>37</v>
      </c>
    </row>
    <row r="126" spans="1:22" x14ac:dyDescent="0.25">
      <c r="A126" s="3" t="s">
        <v>22</v>
      </c>
      <c r="B126" s="4" t="s">
        <v>514</v>
      </c>
      <c r="C126" s="3" t="s">
        <v>515</v>
      </c>
      <c r="D126" s="5" t="s">
        <v>64</v>
      </c>
      <c r="E126" s="3" t="s">
        <v>74</v>
      </c>
      <c r="F126" s="3" t="s">
        <v>525</v>
      </c>
      <c r="G126" s="3" t="s">
        <v>526</v>
      </c>
      <c r="H126" s="3" t="s">
        <v>50</v>
      </c>
      <c r="I126" s="3" t="s">
        <v>37</v>
      </c>
      <c r="J126" s="3" t="s">
        <v>527</v>
      </c>
      <c r="K126" s="3" t="s">
        <v>32</v>
      </c>
      <c r="L126" s="3" t="s">
        <v>33</v>
      </c>
      <c r="M126" s="3" t="s">
        <v>69</v>
      </c>
      <c r="N126" s="3" t="s">
        <v>159</v>
      </c>
      <c r="O126" s="3" t="s">
        <v>54</v>
      </c>
      <c r="P126" s="3" t="s">
        <v>55</v>
      </c>
      <c r="Q126" s="3" t="s">
        <v>37</v>
      </c>
      <c r="R126" s="3" t="s">
        <v>39</v>
      </c>
      <c r="S126" s="3" t="s">
        <v>528</v>
      </c>
      <c r="T126" s="3"/>
      <c r="U126" s="3" t="s">
        <v>37</v>
      </c>
      <c r="V126" s="3" t="s">
        <v>37</v>
      </c>
    </row>
    <row r="127" spans="1:22" x14ac:dyDescent="0.25">
      <c r="A127" s="3" t="s">
        <v>22</v>
      </c>
      <c r="B127" s="4" t="s">
        <v>514</v>
      </c>
      <c r="C127" s="3" t="s">
        <v>515</v>
      </c>
      <c r="D127" s="5" t="s">
        <v>71</v>
      </c>
      <c r="E127" s="3" t="s">
        <v>74</v>
      </c>
      <c r="F127" s="3" t="s">
        <v>529</v>
      </c>
      <c r="G127" s="3" t="s">
        <v>317</v>
      </c>
      <c r="H127" s="3" t="s">
        <v>50</v>
      </c>
      <c r="I127" s="3" t="s">
        <v>37</v>
      </c>
      <c r="J127" s="3" t="s">
        <v>530</v>
      </c>
      <c r="K127" s="3" t="s">
        <v>32</v>
      </c>
      <c r="L127" s="3" t="s">
        <v>33</v>
      </c>
      <c r="M127" s="3" t="s">
        <v>69</v>
      </c>
      <c r="N127" s="3" t="s">
        <v>159</v>
      </c>
      <c r="O127" s="3" t="s">
        <v>54</v>
      </c>
      <c r="P127" s="3" t="s">
        <v>55</v>
      </c>
      <c r="Q127" s="3" t="s">
        <v>37</v>
      </c>
      <c r="R127" s="3" t="s">
        <v>39</v>
      </c>
      <c r="S127" s="3" t="s">
        <v>531</v>
      </c>
      <c r="T127" s="3"/>
      <c r="U127" s="3" t="s">
        <v>37</v>
      </c>
      <c r="V127" s="3" t="s">
        <v>37</v>
      </c>
    </row>
    <row r="128" spans="1:22" x14ac:dyDescent="0.25">
      <c r="A128" s="3" t="s">
        <v>22</v>
      </c>
      <c r="B128" s="4" t="s">
        <v>514</v>
      </c>
      <c r="C128" s="3" t="s">
        <v>515</v>
      </c>
      <c r="D128" s="5" t="s">
        <v>390</v>
      </c>
      <c r="E128" s="3" t="s">
        <v>74</v>
      </c>
      <c r="F128" s="3" t="s">
        <v>532</v>
      </c>
      <c r="G128" s="3" t="s">
        <v>321</v>
      </c>
      <c r="H128" s="3" t="s">
        <v>50</v>
      </c>
      <c r="I128" s="3" t="s">
        <v>37</v>
      </c>
      <c r="J128" s="3" t="s">
        <v>533</v>
      </c>
      <c r="K128" s="3" t="s">
        <v>32</v>
      </c>
      <c r="L128" s="3" t="s">
        <v>33</v>
      </c>
      <c r="M128" s="3" t="s">
        <v>69</v>
      </c>
      <c r="N128" s="3" t="s">
        <v>159</v>
      </c>
      <c r="O128" s="3" t="s">
        <v>113</v>
      </c>
      <c r="P128" s="3" t="s">
        <v>55</v>
      </c>
      <c r="Q128" s="3" t="s">
        <v>37</v>
      </c>
      <c r="R128" s="3" t="s">
        <v>39</v>
      </c>
      <c r="S128" s="3" t="s">
        <v>534</v>
      </c>
      <c r="T128" s="3"/>
      <c r="U128" s="3" t="s">
        <v>37</v>
      </c>
      <c r="V128" s="3" t="s">
        <v>37</v>
      </c>
    </row>
    <row r="129" spans="1:22" x14ac:dyDescent="0.25">
      <c r="A129" s="3" t="s">
        <v>22</v>
      </c>
      <c r="B129" s="4" t="s">
        <v>514</v>
      </c>
      <c r="C129" s="3" t="s">
        <v>515</v>
      </c>
      <c r="D129" s="5" t="s">
        <v>86</v>
      </c>
      <c r="E129" s="3" t="s">
        <v>394</v>
      </c>
      <c r="F129" s="3" t="s">
        <v>535</v>
      </c>
      <c r="G129" s="3" t="s">
        <v>141</v>
      </c>
      <c r="H129" s="3" t="s">
        <v>29</v>
      </c>
      <c r="I129" s="3" t="s">
        <v>396</v>
      </c>
      <c r="J129" s="3" t="s">
        <v>536</v>
      </c>
      <c r="K129" s="3" t="s">
        <v>32</v>
      </c>
      <c r="L129" s="3" t="s">
        <v>33</v>
      </c>
      <c r="M129" s="3" t="s">
        <v>34</v>
      </c>
      <c r="N129" s="3" t="s">
        <v>79</v>
      </c>
      <c r="O129" s="3" t="s">
        <v>36</v>
      </c>
      <c r="P129" s="3" t="s">
        <v>37</v>
      </c>
      <c r="Q129" s="3" t="s">
        <v>37</v>
      </c>
      <c r="R129" s="3" t="s">
        <v>39</v>
      </c>
      <c r="S129" s="3" t="s">
        <v>537</v>
      </c>
      <c r="T129" s="3"/>
      <c r="U129" s="3" t="s">
        <v>37</v>
      </c>
      <c r="V129" s="3" t="s">
        <v>37</v>
      </c>
    </row>
    <row r="130" spans="1:22" x14ac:dyDescent="0.25">
      <c r="A130" s="3" t="s">
        <v>22</v>
      </c>
      <c r="B130" s="4" t="s">
        <v>514</v>
      </c>
      <c r="C130" s="3" t="s">
        <v>515</v>
      </c>
      <c r="D130" s="5" t="s">
        <v>399</v>
      </c>
      <c r="E130" s="3" t="s">
        <v>394</v>
      </c>
      <c r="F130" s="3" t="s">
        <v>538</v>
      </c>
      <c r="G130" s="3" t="s">
        <v>237</v>
      </c>
      <c r="H130" s="3" t="s">
        <v>29</v>
      </c>
      <c r="I130" s="3" t="s">
        <v>396</v>
      </c>
      <c r="J130" s="3" t="s">
        <v>539</v>
      </c>
      <c r="K130" s="3" t="s">
        <v>32</v>
      </c>
      <c r="L130" s="3" t="s">
        <v>33</v>
      </c>
      <c r="M130" s="3" t="s">
        <v>34</v>
      </c>
      <c r="N130" s="3" t="s">
        <v>79</v>
      </c>
      <c r="O130" s="3" t="s">
        <v>36</v>
      </c>
      <c r="P130" s="3" t="s">
        <v>37</v>
      </c>
      <c r="Q130" s="3" t="s">
        <v>37</v>
      </c>
      <c r="R130" s="3" t="s">
        <v>39</v>
      </c>
      <c r="S130" s="3" t="s">
        <v>540</v>
      </c>
      <c r="T130" s="3"/>
      <c r="U130" s="3" t="s">
        <v>37</v>
      </c>
      <c r="V130" s="3" t="s">
        <v>37</v>
      </c>
    </row>
    <row r="131" spans="1:22" x14ac:dyDescent="0.25">
      <c r="A131" s="3" t="s">
        <v>22</v>
      </c>
      <c r="B131" s="4" t="s">
        <v>514</v>
      </c>
      <c r="C131" s="3" t="s">
        <v>515</v>
      </c>
      <c r="D131" s="5" t="s">
        <v>96</v>
      </c>
      <c r="E131" s="3" t="s">
        <v>405</v>
      </c>
      <c r="F131" s="3" t="s">
        <v>541</v>
      </c>
      <c r="G131" s="3" t="s">
        <v>153</v>
      </c>
      <c r="H131" s="3" t="s">
        <v>60</v>
      </c>
      <c r="I131" s="3" t="s">
        <v>37</v>
      </c>
      <c r="J131" s="3" t="s">
        <v>415</v>
      </c>
      <c r="K131" s="3" t="s">
        <v>32</v>
      </c>
      <c r="L131" s="3" t="s">
        <v>33</v>
      </c>
      <c r="M131" s="3" t="s">
        <v>69</v>
      </c>
      <c r="N131" s="3" t="s">
        <v>53</v>
      </c>
      <c r="O131" s="3" t="s">
        <v>287</v>
      </c>
      <c r="P131" s="3" t="s">
        <v>37</v>
      </c>
      <c r="Q131" s="3" t="s">
        <v>37</v>
      </c>
      <c r="R131" s="3" t="s">
        <v>39</v>
      </c>
      <c r="S131" s="3" t="s">
        <v>542</v>
      </c>
      <c r="T131" s="3"/>
      <c r="U131" s="3" t="s">
        <v>37</v>
      </c>
      <c r="V131" s="3" t="s">
        <v>37</v>
      </c>
    </row>
    <row r="132" spans="1:22" x14ac:dyDescent="0.25">
      <c r="A132" s="3" t="s">
        <v>22</v>
      </c>
      <c r="B132" s="4" t="s">
        <v>514</v>
      </c>
      <c r="C132" s="3" t="s">
        <v>515</v>
      </c>
      <c r="D132" s="5" t="s">
        <v>409</v>
      </c>
      <c r="E132" s="3" t="s">
        <v>405</v>
      </c>
      <c r="F132" s="3" t="s">
        <v>543</v>
      </c>
      <c r="G132" s="3" t="s">
        <v>253</v>
      </c>
      <c r="H132" s="3" t="s">
        <v>60</v>
      </c>
      <c r="I132" s="3" t="s">
        <v>37</v>
      </c>
      <c r="J132" s="3" t="s">
        <v>415</v>
      </c>
      <c r="K132" s="3" t="s">
        <v>32</v>
      </c>
      <c r="L132" s="3" t="s">
        <v>33</v>
      </c>
      <c r="M132" s="3" t="s">
        <v>69</v>
      </c>
      <c r="N132" s="3" t="s">
        <v>53</v>
      </c>
      <c r="O132" s="3" t="s">
        <v>287</v>
      </c>
      <c r="P132" s="3" t="s">
        <v>37</v>
      </c>
      <c r="Q132" s="3" t="s">
        <v>37</v>
      </c>
      <c r="R132" s="3" t="s">
        <v>39</v>
      </c>
      <c r="S132" s="3" t="s">
        <v>544</v>
      </c>
      <c r="T132" s="3"/>
      <c r="U132" s="3" t="s">
        <v>37</v>
      </c>
      <c r="V132" s="3" t="s">
        <v>37</v>
      </c>
    </row>
    <row r="133" spans="1:22" x14ac:dyDescent="0.25">
      <c r="A133" s="3" t="s">
        <v>22</v>
      </c>
      <c r="B133" s="4" t="s">
        <v>514</v>
      </c>
      <c r="C133" s="3" t="s">
        <v>515</v>
      </c>
      <c r="D133" s="5" t="s">
        <v>101</v>
      </c>
      <c r="E133" s="3" t="s">
        <v>405</v>
      </c>
      <c r="F133" s="3" t="s">
        <v>545</v>
      </c>
      <c r="G133" s="3" t="s">
        <v>313</v>
      </c>
      <c r="H133" s="3" t="s">
        <v>60</v>
      </c>
      <c r="I133" s="3" t="s">
        <v>37</v>
      </c>
      <c r="J133" s="3" t="s">
        <v>415</v>
      </c>
      <c r="K133" s="3" t="s">
        <v>32</v>
      </c>
      <c r="L133" s="3" t="s">
        <v>33</v>
      </c>
      <c r="M133" s="3" t="s">
        <v>69</v>
      </c>
      <c r="N133" s="3" t="s">
        <v>53</v>
      </c>
      <c r="O133" s="3" t="s">
        <v>287</v>
      </c>
      <c r="P133" s="3" t="s">
        <v>37</v>
      </c>
      <c r="Q133" s="3" t="s">
        <v>37</v>
      </c>
      <c r="R133" s="3" t="s">
        <v>39</v>
      </c>
      <c r="S133" s="3" t="s">
        <v>546</v>
      </c>
      <c r="T133" s="3"/>
      <c r="U133" s="3" t="s">
        <v>37</v>
      </c>
      <c r="V133" s="3" t="s">
        <v>37</v>
      </c>
    </row>
    <row r="134" spans="1:22" x14ac:dyDescent="0.25">
      <c r="A134" s="3" t="s">
        <v>22</v>
      </c>
      <c r="B134" s="4" t="s">
        <v>514</v>
      </c>
      <c r="C134" s="3" t="s">
        <v>515</v>
      </c>
      <c r="D134" s="5" t="s">
        <v>417</v>
      </c>
      <c r="E134" s="3" t="s">
        <v>47</v>
      </c>
      <c r="F134" s="3" t="s">
        <v>547</v>
      </c>
      <c r="G134" s="3" t="s">
        <v>411</v>
      </c>
      <c r="H134" s="3" t="s">
        <v>60</v>
      </c>
      <c r="I134" s="3" t="s">
        <v>51</v>
      </c>
      <c r="J134" s="3" t="s">
        <v>548</v>
      </c>
      <c r="K134" s="3" t="s">
        <v>32</v>
      </c>
      <c r="L134" s="3" t="s">
        <v>33</v>
      </c>
      <c r="M134" s="3" t="s">
        <v>34</v>
      </c>
      <c r="N134" s="3" t="s">
        <v>62</v>
      </c>
      <c r="O134" s="3" t="s">
        <v>54</v>
      </c>
      <c r="P134" s="3" t="s">
        <v>55</v>
      </c>
      <c r="Q134" s="3" t="s">
        <v>37</v>
      </c>
      <c r="R134" s="3" t="s">
        <v>39</v>
      </c>
      <c r="S134" s="3" t="s">
        <v>549</v>
      </c>
      <c r="T134" s="3"/>
      <c r="U134" s="3" t="s">
        <v>37</v>
      </c>
      <c r="V134" s="3" t="s">
        <v>37</v>
      </c>
    </row>
    <row r="135" spans="1:22" x14ac:dyDescent="0.25">
      <c r="A135" s="3" t="s">
        <v>22</v>
      </c>
      <c r="B135" s="4" t="s">
        <v>514</v>
      </c>
      <c r="C135" s="3" t="s">
        <v>515</v>
      </c>
      <c r="D135" s="5" t="s">
        <v>418</v>
      </c>
      <c r="E135" s="3" t="s">
        <v>47</v>
      </c>
      <c r="F135" s="3" t="s">
        <v>550</v>
      </c>
      <c r="G135" s="3" t="s">
        <v>72</v>
      </c>
      <c r="H135" s="3" t="s">
        <v>60</v>
      </c>
      <c r="I135" s="3" t="s">
        <v>51</v>
      </c>
      <c r="J135" s="3" t="s">
        <v>551</v>
      </c>
      <c r="K135" s="3" t="s">
        <v>32</v>
      </c>
      <c r="L135" s="3" t="s">
        <v>33</v>
      </c>
      <c r="M135" s="3" t="s">
        <v>34</v>
      </c>
      <c r="N135" s="3" t="s">
        <v>62</v>
      </c>
      <c r="O135" s="3" t="s">
        <v>54</v>
      </c>
      <c r="P135" s="3" t="s">
        <v>55</v>
      </c>
      <c r="Q135" s="3" t="s">
        <v>37</v>
      </c>
      <c r="R135" s="3" t="s">
        <v>39</v>
      </c>
      <c r="S135" s="3" t="s">
        <v>552</v>
      </c>
      <c r="T135" s="3"/>
      <c r="U135" s="3" t="s">
        <v>37</v>
      </c>
      <c r="V135" s="3" t="s">
        <v>37</v>
      </c>
    </row>
    <row r="136" spans="1:22" x14ac:dyDescent="0.25">
      <c r="A136" s="3" t="s">
        <v>22</v>
      </c>
      <c r="B136" s="4" t="s">
        <v>514</v>
      </c>
      <c r="C136" s="3" t="s">
        <v>515</v>
      </c>
      <c r="D136" s="5" t="s">
        <v>419</v>
      </c>
      <c r="E136" s="3" t="s">
        <v>177</v>
      </c>
      <c r="F136" s="3" t="s">
        <v>553</v>
      </c>
      <c r="G136" s="3" t="s">
        <v>554</v>
      </c>
      <c r="H136" s="3" t="s">
        <v>60</v>
      </c>
      <c r="I136" s="3" t="s">
        <v>555</v>
      </c>
      <c r="J136" s="3" t="s">
        <v>556</v>
      </c>
      <c r="K136" s="3" t="s">
        <v>32</v>
      </c>
      <c r="L136" s="3" t="s">
        <v>106</v>
      </c>
      <c r="M136" s="3" t="s">
        <v>69</v>
      </c>
      <c r="N136" s="3" t="s">
        <v>62</v>
      </c>
      <c r="O136" s="3" t="s">
        <v>54</v>
      </c>
      <c r="P136" s="3" t="s">
        <v>37</v>
      </c>
      <c r="Q136" s="3" t="s">
        <v>37</v>
      </c>
      <c r="R136" s="3" t="s">
        <v>39</v>
      </c>
      <c r="S136" s="3" t="s">
        <v>557</v>
      </c>
      <c r="T136" s="3"/>
      <c r="U136" s="3" t="s">
        <v>37</v>
      </c>
      <c r="V136" s="3" t="s">
        <v>37</v>
      </c>
    </row>
    <row r="137" spans="1:22" x14ac:dyDescent="0.25">
      <c r="A137" s="3" t="s">
        <v>22</v>
      </c>
      <c r="B137" s="4" t="s">
        <v>514</v>
      </c>
      <c r="C137" s="3" t="s">
        <v>515</v>
      </c>
      <c r="D137" s="5" t="s">
        <v>424</v>
      </c>
      <c r="E137" s="3" t="s">
        <v>177</v>
      </c>
      <c r="F137" s="3" t="s">
        <v>558</v>
      </c>
      <c r="G137" s="3" t="s">
        <v>281</v>
      </c>
      <c r="H137" s="3" t="s">
        <v>60</v>
      </c>
      <c r="I137" s="3" t="s">
        <v>559</v>
      </c>
      <c r="J137" s="3" t="s">
        <v>560</v>
      </c>
      <c r="K137" s="3" t="s">
        <v>32</v>
      </c>
      <c r="L137" s="3" t="s">
        <v>106</v>
      </c>
      <c r="M137" s="3" t="s">
        <v>69</v>
      </c>
      <c r="N137" s="3" t="s">
        <v>62</v>
      </c>
      <c r="O137" s="3" t="s">
        <v>54</v>
      </c>
      <c r="P137" s="3" t="s">
        <v>37</v>
      </c>
      <c r="Q137" s="3" t="s">
        <v>37</v>
      </c>
      <c r="R137" s="3" t="s">
        <v>39</v>
      </c>
      <c r="S137" s="3" t="s">
        <v>561</v>
      </c>
      <c r="T137" s="3"/>
      <c r="U137" s="3" t="s">
        <v>37</v>
      </c>
      <c r="V137" s="3" t="s">
        <v>37</v>
      </c>
    </row>
    <row r="138" spans="1:22" x14ac:dyDescent="0.25">
      <c r="A138" s="3" t="s">
        <v>22</v>
      </c>
      <c r="B138" s="4" t="s">
        <v>514</v>
      </c>
      <c r="C138" s="3" t="s">
        <v>515</v>
      </c>
      <c r="D138" s="5" t="s">
        <v>430</v>
      </c>
      <c r="E138" s="3" t="s">
        <v>47</v>
      </c>
      <c r="F138" s="3" t="s">
        <v>562</v>
      </c>
      <c r="G138" s="3" t="s">
        <v>118</v>
      </c>
      <c r="H138" s="3" t="s">
        <v>29</v>
      </c>
      <c r="I138" s="3" t="s">
        <v>51</v>
      </c>
      <c r="J138" s="3" t="s">
        <v>563</v>
      </c>
      <c r="K138" s="3" t="s">
        <v>32</v>
      </c>
      <c r="L138" s="3" t="s">
        <v>33</v>
      </c>
      <c r="M138" s="3" t="s">
        <v>34</v>
      </c>
      <c r="N138" s="3" t="s">
        <v>131</v>
      </c>
      <c r="O138" s="3" t="s">
        <v>54</v>
      </c>
      <c r="P138" s="3" t="s">
        <v>55</v>
      </c>
      <c r="Q138" s="3" t="s">
        <v>38</v>
      </c>
      <c r="R138" s="3" t="s">
        <v>39</v>
      </c>
      <c r="S138" s="3" t="s">
        <v>564</v>
      </c>
      <c r="T138" s="3"/>
      <c r="U138" s="3" t="s">
        <v>37</v>
      </c>
      <c r="V138" s="3" t="s">
        <v>37</v>
      </c>
    </row>
    <row r="139" spans="1:22" x14ac:dyDescent="0.25">
      <c r="A139" s="3" t="s">
        <v>22</v>
      </c>
      <c r="B139" s="4" t="s">
        <v>514</v>
      </c>
      <c r="C139" s="3" t="s">
        <v>515</v>
      </c>
      <c r="D139" s="5" t="s">
        <v>431</v>
      </c>
      <c r="E139" s="3" t="s">
        <v>47</v>
      </c>
      <c r="F139" s="3" t="s">
        <v>565</v>
      </c>
      <c r="G139" s="3" t="s">
        <v>379</v>
      </c>
      <c r="H139" s="3" t="s">
        <v>29</v>
      </c>
      <c r="I139" s="3" t="s">
        <v>51</v>
      </c>
      <c r="J139" s="3" t="s">
        <v>566</v>
      </c>
      <c r="K139" s="3" t="s">
        <v>32</v>
      </c>
      <c r="L139" s="3" t="s">
        <v>33</v>
      </c>
      <c r="M139" s="3" t="s">
        <v>34</v>
      </c>
      <c r="N139" s="3" t="s">
        <v>131</v>
      </c>
      <c r="O139" s="3" t="s">
        <v>54</v>
      </c>
      <c r="P139" s="3" t="s">
        <v>55</v>
      </c>
      <c r="Q139" s="3" t="s">
        <v>38</v>
      </c>
      <c r="R139" s="3" t="s">
        <v>39</v>
      </c>
      <c r="S139" s="3" t="s">
        <v>567</v>
      </c>
      <c r="T139" s="3"/>
      <c r="U139" s="3" t="s">
        <v>37</v>
      </c>
      <c r="V139" s="3" t="s">
        <v>37</v>
      </c>
    </row>
    <row r="140" spans="1:22" x14ac:dyDescent="0.25">
      <c r="A140" s="3" t="s">
        <v>22</v>
      </c>
      <c r="B140" s="4" t="s">
        <v>514</v>
      </c>
      <c r="C140" s="3" t="s">
        <v>515</v>
      </c>
      <c r="D140" s="5" t="s">
        <v>138</v>
      </c>
      <c r="E140" s="3" t="s">
        <v>155</v>
      </c>
      <c r="F140" s="3" t="s">
        <v>569</v>
      </c>
      <c r="G140" s="3" t="s">
        <v>570</v>
      </c>
      <c r="H140" s="3" t="s">
        <v>60</v>
      </c>
      <c r="I140" s="3" t="s">
        <v>37</v>
      </c>
      <c r="J140" s="3" t="s">
        <v>571</v>
      </c>
      <c r="K140" s="3" t="s">
        <v>32</v>
      </c>
      <c r="L140" s="3" t="s">
        <v>33</v>
      </c>
      <c r="M140" s="3" t="s">
        <v>34</v>
      </c>
      <c r="N140" s="3" t="s">
        <v>159</v>
      </c>
      <c r="O140" s="3" t="s">
        <v>54</v>
      </c>
      <c r="P140" s="3" t="s">
        <v>37</v>
      </c>
      <c r="Q140" s="3" t="s">
        <v>37</v>
      </c>
      <c r="R140" s="3" t="s">
        <v>39</v>
      </c>
      <c r="S140" s="3" t="s">
        <v>572</v>
      </c>
      <c r="T140" s="3"/>
      <c r="U140" s="3" t="s">
        <v>37</v>
      </c>
      <c r="V140" s="3" t="s">
        <v>37</v>
      </c>
    </row>
    <row r="141" spans="1:22" x14ac:dyDescent="0.25">
      <c r="A141" s="3" t="s">
        <v>22</v>
      </c>
      <c r="B141" s="4" t="s">
        <v>514</v>
      </c>
      <c r="C141" s="3" t="s">
        <v>515</v>
      </c>
      <c r="D141" s="5" t="s">
        <v>152</v>
      </c>
      <c r="E141" s="3" t="s">
        <v>436</v>
      </c>
      <c r="F141" s="3" t="s">
        <v>573</v>
      </c>
      <c r="G141" s="3" t="s">
        <v>204</v>
      </c>
      <c r="H141" s="3" t="s">
        <v>60</v>
      </c>
      <c r="I141" s="3" t="s">
        <v>574</v>
      </c>
      <c r="J141" s="3" t="s">
        <v>575</v>
      </c>
      <c r="K141" s="3" t="s">
        <v>32</v>
      </c>
      <c r="L141" s="3" t="s">
        <v>33</v>
      </c>
      <c r="M141" s="3" t="s">
        <v>69</v>
      </c>
      <c r="N141" s="3" t="s">
        <v>440</v>
      </c>
      <c r="O141" s="3" t="s">
        <v>54</v>
      </c>
      <c r="P141" s="3" t="s">
        <v>37</v>
      </c>
      <c r="Q141" s="3" t="s">
        <v>37</v>
      </c>
      <c r="R141" s="3" t="s">
        <v>39</v>
      </c>
      <c r="S141" s="3" t="s">
        <v>576</v>
      </c>
      <c r="T141" s="3"/>
      <c r="U141" s="3" t="s">
        <v>37</v>
      </c>
      <c r="V141" s="3" t="s">
        <v>37</v>
      </c>
    </row>
    <row r="142" spans="1:22" x14ac:dyDescent="0.25">
      <c r="A142" s="3" t="s">
        <v>22</v>
      </c>
      <c r="B142" s="4" t="s">
        <v>514</v>
      </c>
      <c r="C142" s="3" t="s">
        <v>515</v>
      </c>
      <c r="D142" s="5" t="s">
        <v>302</v>
      </c>
      <c r="E142" s="3" t="s">
        <v>436</v>
      </c>
      <c r="F142" s="3" t="s">
        <v>577</v>
      </c>
      <c r="G142" s="3" t="s">
        <v>93</v>
      </c>
      <c r="H142" s="3" t="s">
        <v>60</v>
      </c>
      <c r="I142" s="3" t="s">
        <v>578</v>
      </c>
      <c r="J142" s="3" t="s">
        <v>579</v>
      </c>
      <c r="K142" s="3" t="s">
        <v>32</v>
      </c>
      <c r="L142" s="3" t="s">
        <v>33</v>
      </c>
      <c r="M142" s="3" t="s">
        <v>69</v>
      </c>
      <c r="N142" s="3" t="s">
        <v>440</v>
      </c>
      <c r="O142" s="3" t="s">
        <v>54</v>
      </c>
      <c r="P142" s="3" t="s">
        <v>37</v>
      </c>
      <c r="Q142" s="3" t="s">
        <v>37</v>
      </c>
      <c r="R142" s="3" t="s">
        <v>39</v>
      </c>
      <c r="S142" s="3" t="s">
        <v>580</v>
      </c>
      <c r="T142" s="3"/>
      <c r="U142" s="3" t="s">
        <v>37</v>
      </c>
      <c r="V142" s="3" t="s">
        <v>37</v>
      </c>
    </row>
    <row r="143" spans="1:22" x14ac:dyDescent="0.25">
      <c r="A143" s="3" t="s">
        <v>22</v>
      </c>
      <c r="B143" s="4" t="s">
        <v>514</v>
      </c>
      <c r="C143" s="3" t="s">
        <v>515</v>
      </c>
      <c r="D143" s="5" t="s">
        <v>168</v>
      </c>
      <c r="E143" s="3" t="s">
        <v>47</v>
      </c>
      <c r="F143" s="3" t="s">
        <v>581</v>
      </c>
      <c r="G143" s="3" t="s">
        <v>582</v>
      </c>
      <c r="H143" s="3" t="s">
        <v>60</v>
      </c>
      <c r="I143" s="3" t="s">
        <v>51</v>
      </c>
      <c r="J143" s="3" t="s">
        <v>583</v>
      </c>
      <c r="K143" s="3" t="s">
        <v>32</v>
      </c>
      <c r="L143" s="3" t="s">
        <v>33</v>
      </c>
      <c r="M143" s="3" t="s">
        <v>34</v>
      </c>
      <c r="N143" s="3" t="s">
        <v>62</v>
      </c>
      <c r="O143" s="3" t="s">
        <v>54</v>
      </c>
      <c r="P143" s="3" t="s">
        <v>55</v>
      </c>
      <c r="Q143" s="3" t="s">
        <v>37</v>
      </c>
      <c r="R143" s="3" t="s">
        <v>39</v>
      </c>
      <c r="S143" s="3" t="s">
        <v>584</v>
      </c>
      <c r="T143" s="3"/>
      <c r="U143" s="3" t="s">
        <v>37</v>
      </c>
      <c r="V143" s="3" t="s">
        <v>37</v>
      </c>
    </row>
    <row r="144" spans="1:22" x14ac:dyDescent="0.25">
      <c r="A144" s="3" t="s">
        <v>22</v>
      </c>
      <c r="B144" s="4" t="s">
        <v>514</v>
      </c>
      <c r="C144" s="3" t="s">
        <v>515</v>
      </c>
      <c r="D144" s="5" t="s">
        <v>172</v>
      </c>
      <c r="E144" s="3" t="s">
        <v>47</v>
      </c>
      <c r="F144" s="3" t="s">
        <v>585</v>
      </c>
      <c r="G144" s="3" t="s">
        <v>570</v>
      </c>
      <c r="H144" s="3" t="s">
        <v>60</v>
      </c>
      <c r="I144" s="3" t="s">
        <v>51</v>
      </c>
      <c r="J144" s="3" t="s">
        <v>586</v>
      </c>
      <c r="K144" s="3" t="s">
        <v>32</v>
      </c>
      <c r="L144" s="3" t="s">
        <v>33</v>
      </c>
      <c r="M144" s="3" t="s">
        <v>34</v>
      </c>
      <c r="N144" s="3" t="s">
        <v>62</v>
      </c>
      <c r="O144" s="3" t="s">
        <v>54</v>
      </c>
      <c r="P144" s="3" t="s">
        <v>37</v>
      </c>
      <c r="Q144" s="3" t="s">
        <v>37</v>
      </c>
      <c r="R144" s="3" t="s">
        <v>39</v>
      </c>
      <c r="S144" s="3" t="s">
        <v>587</v>
      </c>
      <c r="T144" s="3"/>
      <c r="U144" s="3" t="s">
        <v>37</v>
      </c>
      <c r="V144" s="3" t="s">
        <v>37</v>
      </c>
    </row>
    <row r="145" spans="1:22" x14ac:dyDescent="0.25">
      <c r="A145" s="3" t="s">
        <v>22</v>
      </c>
      <c r="B145" s="4" t="s">
        <v>514</v>
      </c>
      <c r="C145" s="3" t="s">
        <v>515</v>
      </c>
      <c r="D145" s="5" t="s">
        <v>176</v>
      </c>
      <c r="E145" s="3" t="s">
        <v>453</v>
      </c>
      <c r="F145" s="3" t="s">
        <v>588</v>
      </c>
      <c r="G145" s="3" t="s">
        <v>76</v>
      </c>
      <c r="H145" s="3" t="s">
        <v>60</v>
      </c>
      <c r="I145" s="3" t="s">
        <v>37</v>
      </c>
      <c r="J145" s="3" t="s">
        <v>37</v>
      </c>
      <c r="K145" s="3" t="s">
        <v>32</v>
      </c>
      <c r="L145" s="3" t="s">
        <v>33</v>
      </c>
      <c r="M145" s="3" t="s">
        <v>69</v>
      </c>
      <c r="N145" s="3" t="s">
        <v>159</v>
      </c>
      <c r="O145" s="3" t="s">
        <v>54</v>
      </c>
      <c r="P145" s="3" t="s">
        <v>37</v>
      </c>
      <c r="Q145" s="3" t="s">
        <v>37</v>
      </c>
      <c r="R145" s="3" t="s">
        <v>39</v>
      </c>
      <c r="S145" s="3" t="s">
        <v>589</v>
      </c>
      <c r="T145" s="3" t="s">
        <v>126</v>
      </c>
      <c r="U145" s="3" t="s">
        <v>37</v>
      </c>
      <c r="V145" s="3" t="s">
        <v>37</v>
      </c>
    </row>
    <row r="146" spans="1:22" x14ac:dyDescent="0.25">
      <c r="A146" s="3" t="s">
        <v>22</v>
      </c>
      <c r="B146" s="4" t="s">
        <v>514</v>
      </c>
      <c r="C146" s="3" t="s">
        <v>515</v>
      </c>
      <c r="D146" s="5" t="s">
        <v>183</v>
      </c>
      <c r="E146" s="3" t="s">
        <v>453</v>
      </c>
      <c r="F146" s="3" t="s">
        <v>590</v>
      </c>
      <c r="G146" s="3" t="s">
        <v>253</v>
      </c>
      <c r="H146" s="3" t="s">
        <v>60</v>
      </c>
      <c r="I146" s="3" t="s">
        <v>37</v>
      </c>
      <c r="J146" s="3" t="s">
        <v>591</v>
      </c>
      <c r="K146" s="3" t="s">
        <v>32</v>
      </c>
      <c r="L146" s="3" t="s">
        <v>33</v>
      </c>
      <c r="M146" s="3" t="s">
        <v>69</v>
      </c>
      <c r="N146" s="3" t="s">
        <v>159</v>
      </c>
      <c r="O146" s="3" t="s">
        <v>54</v>
      </c>
      <c r="P146" s="3" t="s">
        <v>37</v>
      </c>
      <c r="Q146" s="3" t="s">
        <v>37</v>
      </c>
      <c r="R146" s="3" t="s">
        <v>39</v>
      </c>
      <c r="S146" s="3" t="s">
        <v>592</v>
      </c>
      <c r="T146" s="3"/>
      <c r="U146" s="3" t="s">
        <v>37</v>
      </c>
      <c r="V146" s="3" t="s">
        <v>37</v>
      </c>
    </row>
    <row r="147" spans="1:22" x14ac:dyDescent="0.25">
      <c r="A147" s="3" t="s">
        <v>22</v>
      </c>
      <c r="B147" s="4" t="s">
        <v>514</v>
      </c>
      <c r="C147" s="3" t="s">
        <v>515</v>
      </c>
      <c r="D147" s="5" t="s">
        <v>189</v>
      </c>
      <c r="E147" s="3" t="s">
        <v>47</v>
      </c>
      <c r="F147" s="3" t="s">
        <v>593</v>
      </c>
      <c r="G147" s="3" t="s">
        <v>387</v>
      </c>
      <c r="H147" s="3" t="s">
        <v>50</v>
      </c>
      <c r="I147" s="3" t="s">
        <v>51</v>
      </c>
      <c r="J147" s="3" t="s">
        <v>594</v>
      </c>
      <c r="K147" s="3" t="s">
        <v>32</v>
      </c>
      <c r="L147" s="3" t="s">
        <v>33</v>
      </c>
      <c r="M147" s="3" t="s">
        <v>34</v>
      </c>
      <c r="N147" s="3" t="s">
        <v>53</v>
      </c>
      <c r="O147" s="3" t="s">
        <v>54</v>
      </c>
      <c r="P147" s="3" t="s">
        <v>55</v>
      </c>
      <c r="Q147" s="3" t="s">
        <v>37</v>
      </c>
      <c r="R147" s="3" t="s">
        <v>39</v>
      </c>
      <c r="S147" s="3" t="s">
        <v>595</v>
      </c>
      <c r="T147" s="3"/>
      <c r="U147" s="3" t="s">
        <v>37</v>
      </c>
      <c r="V147" s="3" t="s">
        <v>37</v>
      </c>
    </row>
    <row r="148" spans="1:22" x14ac:dyDescent="0.25">
      <c r="A148" s="3" t="s">
        <v>22</v>
      </c>
      <c r="B148" s="4" t="s">
        <v>514</v>
      </c>
      <c r="C148" s="3" t="s">
        <v>515</v>
      </c>
      <c r="D148" s="5" t="s">
        <v>328</v>
      </c>
      <c r="E148" s="3" t="s">
        <v>47</v>
      </c>
      <c r="F148" s="3" t="s">
        <v>596</v>
      </c>
      <c r="G148" s="3" t="s">
        <v>141</v>
      </c>
      <c r="H148" s="3" t="s">
        <v>29</v>
      </c>
      <c r="I148" s="3" t="s">
        <v>51</v>
      </c>
      <c r="J148" s="3" t="s">
        <v>597</v>
      </c>
      <c r="K148" s="3" t="s">
        <v>32</v>
      </c>
      <c r="L148" s="3" t="s">
        <v>33</v>
      </c>
      <c r="M148" s="3" t="s">
        <v>34</v>
      </c>
      <c r="N148" s="3" t="s">
        <v>131</v>
      </c>
      <c r="O148" s="3" t="s">
        <v>54</v>
      </c>
      <c r="P148" s="3" t="s">
        <v>55</v>
      </c>
      <c r="Q148" s="3" t="s">
        <v>38</v>
      </c>
      <c r="R148" s="3" t="s">
        <v>39</v>
      </c>
      <c r="S148" s="3" t="s">
        <v>598</v>
      </c>
      <c r="T148" s="3"/>
      <c r="U148" s="3" t="s">
        <v>37</v>
      </c>
      <c r="V148" s="3" t="s">
        <v>37</v>
      </c>
    </row>
    <row r="149" spans="1:22" x14ac:dyDescent="0.25">
      <c r="A149" s="3" t="s">
        <v>22</v>
      </c>
      <c r="B149" s="4" t="s">
        <v>514</v>
      </c>
      <c r="C149" s="3" t="s">
        <v>515</v>
      </c>
      <c r="D149" s="5" t="s">
        <v>329</v>
      </c>
      <c r="E149" s="3" t="s">
        <v>47</v>
      </c>
      <c r="F149" s="3" t="s">
        <v>265</v>
      </c>
      <c r="G149" s="3" t="s">
        <v>148</v>
      </c>
      <c r="H149" s="3" t="s">
        <v>29</v>
      </c>
      <c r="I149" s="3" t="s">
        <v>51</v>
      </c>
      <c r="J149" s="3" t="s">
        <v>266</v>
      </c>
      <c r="K149" s="3" t="s">
        <v>32</v>
      </c>
      <c r="L149" s="3" t="s">
        <v>33</v>
      </c>
      <c r="M149" s="3" t="s">
        <v>34</v>
      </c>
      <c r="N149" s="3" t="s">
        <v>131</v>
      </c>
      <c r="O149" s="3" t="s">
        <v>54</v>
      </c>
      <c r="P149" s="3" t="s">
        <v>55</v>
      </c>
      <c r="Q149" s="3" t="s">
        <v>38</v>
      </c>
      <c r="R149" s="3" t="s">
        <v>39</v>
      </c>
      <c r="S149" s="3" t="s">
        <v>267</v>
      </c>
      <c r="T149" s="3"/>
      <c r="U149" s="3" t="s">
        <v>37</v>
      </c>
      <c r="V149" s="3" t="s">
        <v>37</v>
      </c>
    </row>
    <row r="150" spans="1:22" x14ac:dyDescent="0.25">
      <c r="A150" s="3" t="s">
        <v>22</v>
      </c>
      <c r="B150" s="4" t="s">
        <v>514</v>
      </c>
      <c r="C150" s="3" t="s">
        <v>515</v>
      </c>
      <c r="D150" s="5" t="s">
        <v>333</v>
      </c>
      <c r="E150" s="3" t="s">
        <v>74</v>
      </c>
      <c r="F150" s="3" t="s">
        <v>599</v>
      </c>
      <c r="G150" s="3" t="s">
        <v>88</v>
      </c>
      <c r="H150" s="3" t="s">
        <v>50</v>
      </c>
      <c r="I150" s="3" t="s">
        <v>37</v>
      </c>
      <c r="J150" s="3" t="s">
        <v>600</v>
      </c>
      <c r="K150" s="3" t="s">
        <v>32</v>
      </c>
      <c r="L150" s="3" t="s">
        <v>33</v>
      </c>
      <c r="M150" s="3" t="s">
        <v>69</v>
      </c>
      <c r="N150" s="3" t="s">
        <v>159</v>
      </c>
      <c r="O150" s="3" t="s">
        <v>54</v>
      </c>
      <c r="P150" s="3" t="s">
        <v>55</v>
      </c>
      <c r="Q150" s="3" t="s">
        <v>37</v>
      </c>
      <c r="R150" s="3" t="s">
        <v>39</v>
      </c>
      <c r="S150" s="3" t="s">
        <v>601</v>
      </c>
      <c r="T150" s="3"/>
      <c r="U150" s="3" t="s">
        <v>37</v>
      </c>
      <c r="V150" s="3" t="s">
        <v>37</v>
      </c>
    </row>
    <row r="151" spans="1:22" x14ac:dyDescent="0.25">
      <c r="A151" s="3" t="s">
        <v>22</v>
      </c>
      <c r="B151" s="4" t="s">
        <v>514</v>
      </c>
      <c r="C151" s="3" t="s">
        <v>515</v>
      </c>
      <c r="D151" s="5" t="s">
        <v>337</v>
      </c>
      <c r="E151" s="3" t="s">
        <v>74</v>
      </c>
      <c r="F151" s="3" t="s">
        <v>602</v>
      </c>
      <c r="G151" s="3" t="s">
        <v>603</v>
      </c>
      <c r="H151" s="3" t="s">
        <v>50</v>
      </c>
      <c r="I151" s="3" t="s">
        <v>37</v>
      </c>
      <c r="J151" s="3" t="s">
        <v>604</v>
      </c>
      <c r="K151" s="3" t="s">
        <v>32</v>
      </c>
      <c r="L151" s="3" t="s">
        <v>33</v>
      </c>
      <c r="M151" s="3" t="s">
        <v>69</v>
      </c>
      <c r="N151" s="3" t="s">
        <v>159</v>
      </c>
      <c r="O151" s="3" t="s">
        <v>54</v>
      </c>
      <c r="P151" s="3" t="s">
        <v>55</v>
      </c>
      <c r="Q151" s="3" t="s">
        <v>37</v>
      </c>
      <c r="R151" s="3" t="s">
        <v>39</v>
      </c>
      <c r="S151" s="3" t="s">
        <v>605</v>
      </c>
      <c r="T151" s="3"/>
      <c r="U151" s="3" t="s">
        <v>37</v>
      </c>
      <c r="V151" s="3" t="s">
        <v>37</v>
      </c>
    </row>
    <row r="152" spans="1:22" x14ac:dyDescent="0.25">
      <c r="A152" s="3" t="s">
        <v>22</v>
      </c>
      <c r="B152" s="4" t="s">
        <v>514</v>
      </c>
      <c r="C152" s="3" t="s">
        <v>515</v>
      </c>
      <c r="D152" s="5" t="s">
        <v>477</v>
      </c>
      <c r="E152" s="3" t="s">
        <v>478</v>
      </c>
      <c r="F152" s="3" t="s">
        <v>606</v>
      </c>
      <c r="G152" s="3" t="s">
        <v>607</v>
      </c>
      <c r="H152" s="3" t="s">
        <v>60</v>
      </c>
      <c r="I152" s="3" t="s">
        <v>481</v>
      </c>
      <c r="J152" s="3" t="s">
        <v>608</v>
      </c>
      <c r="K152" s="3" t="s">
        <v>32</v>
      </c>
      <c r="L152" s="3" t="s">
        <v>33</v>
      </c>
      <c r="M152" s="3" t="s">
        <v>34</v>
      </c>
      <c r="N152" s="3" t="s">
        <v>79</v>
      </c>
      <c r="O152" s="3" t="s">
        <v>113</v>
      </c>
      <c r="P152" s="3" t="s">
        <v>37</v>
      </c>
      <c r="Q152" s="3" t="s">
        <v>37</v>
      </c>
      <c r="R152" s="3" t="s">
        <v>39</v>
      </c>
      <c r="S152" s="3" t="s">
        <v>609</v>
      </c>
      <c r="T152" s="3"/>
      <c r="U152" s="3" t="s">
        <v>37</v>
      </c>
      <c r="V152" s="3" t="s">
        <v>37</v>
      </c>
    </row>
    <row r="153" spans="1:22" x14ac:dyDescent="0.25">
      <c r="A153" s="3" t="s">
        <v>22</v>
      </c>
      <c r="B153" s="4" t="s">
        <v>514</v>
      </c>
      <c r="C153" s="3" t="s">
        <v>515</v>
      </c>
      <c r="D153" s="5" t="s">
        <v>484</v>
      </c>
      <c r="E153" s="3" t="s">
        <v>478</v>
      </c>
      <c r="F153" s="3" t="s">
        <v>610</v>
      </c>
      <c r="G153" s="3" t="s">
        <v>274</v>
      </c>
      <c r="H153" s="3" t="s">
        <v>60</v>
      </c>
      <c r="I153" s="3" t="s">
        <v>481</v>
      </c>
      <c r="J153" s="3" t="s">
        <v>611</v>
      </c>
      <c r="K153" s="3" t="s">
        <v>32</v>
      </c>
      <c r="L153" s="3" t="s">
        <v>33</v>
      </c>
      <c r="M153" s="3" t="s">
        <v>34</v>
      </c>
      <c r="N153" s="3" t="s">
        <v>79</v>
      </c>
      <c r="O153" s="3" t="s">
        <v>113</v>
      </c>
      <c r="P153" s="3" t="s">
        <v>37</v>
      </c>
      <c r="Q153" s="3" t="s">
        <v>37</v>
      </c>
      <c r="R153" s="3" t="s">
        <v>39</v>
      </c>
      <c r="S153" s="3" t="s">
        <v>612</v>
      </c>
      <c r="T153" s="3"/>
      <c r="U153" s="3" t="s">
        <v>37</v>
      </c>
      <c r="V153" s="3" t="s">
        <v>37</v>
      </c>
    </row>
    <row r="154" spans="1:22" x14ac:dyDescent="0.25">
      <c r="A154" s="3" t="s">
        <v>22</v>
      </c>
      <c r="B154" s="4" t="s">
        <v>514</v>
      </c>
      <c r="C154" s="3" t="s">
        <v>515</v>
      </c>
      <c r="D154" s="5" t="s">
        <v>207</v>
      </c>
      <c r="E154" s="3" t="s">
        <v>177</v>
      </c>
      <c r="F154" s="3" t="s">
        <v>613</v>
      </c>
      <c r="G154" s="3" t="s">
        <v>582</v>
      </c>
      <c r="H154" s="3" t="s">
        <v>60</v>
      </c>
      <c r="I154" s="3" t="s">
        <v>614</v>
      </c>
      <c r="J154" s="3" t="s">
        <v>615</v>
      </c>
      <c r="K154" s="3" t="s">
        <v>32</v>
      </c>
      <c r="L154" s="3" t="s">
        <v>106</v>
      </c>
      <c r="M154" s="3" t="s">
        <v>69</v>
      </c>
      <c r="N154" s="3" t="s">
        <v>62</v>
      </c>
      <c r="O154" s="3" t="s">
        <v>36</v>
      </c>
      <c r="P154" s="3" t="s">
        <v>37</v>
      </c>
      <c r="Q154" s="3" t="s">
        <v>37</v>
      </c>
      <c r="R154" s="3" t="s">
        <v>39</v>
      </c>
      <c r="S154" s="3" t="s">
        <v>616</v>
      </c>
      <c r="T154" s="3"/>
      <c r="U154" s="3" t="s">
        <v>37</v>
      </c>
      <c r="V154" s="3" t="s">
        <v>37</v>
      </c>
    </row>
    <row r="155" spans="1:22" x14ac:dyDescent="0.25">
      <c r="A155" s="3" t="s">
        <v>22</v>
      </c>
      <c r="B155" s="4" t="s">
        <v>514</v>
      </c>
      <c r="C155" s="3" t="s">
        <v>515</v>
      </c>
      <c r="D155" s="5" t="s">
        <v>493</v>
      </c>
      <c r="E155" s="3" t="s">
        <v>177</v>
      </c>
      <c r="F155" s="3" t="s">
        <v>617</v>
      </c>
      <c r="G155" s="3" t="s">
        <v>570</v>
      </c>
      <c r="H155" s="3" t="s">
        <v>60</v>
      </c>
      <c r="I155" s="3" t="s">
        <v>618</v>
      </c>
      <c r="J155" s="3" t="s">
        <v>619</v>
      </c>
      <c r="K155" s="3" t="s">
        <v>32</v>
      </c>
      <c r="L155" s="3" t="s">
        <v>106</v>
      </c>
      <c r="M155" s="3" t="s">
        <v>69</v>
      </c>
      <c r="N155" s="3" t="s">
        <v>62</v>
      </c>
      <c r="O155" s="3" t="s">
        <v>36</v>
      </c>
      <c r="P155" s="3" t="s">
        <v>37</v>
      </c>
      <c r="Q155" s="3" t="s">
        <v>37</v>
      </c>
      <c r="R155" s="3" t="s">
        <v>39</v>
      </c>
      <c r="S155" s="3" t="s">
        <v>620</v>
      </c>
      <c r="T155" s="3"/>
      <c r="U155" s="3" t="s">
        <v>37</v>
      </c>
      <c r="V155" s="3" t="s">
        <v>37</v>
      </c>
    </row>
    <row r="156" spans="1:22" x14ac:dyDescent="0.25">
      <c r="A156" s="3" t="s">
        <v>22</v>
      </c>
      <c r="B156" s="4" t="s">
        <v>514</v>
      </c>
      <c r="C156" s="3" t="s">
        <v>515</v>
      </c>
      <c r="D156" s="5" t="s">
        <v>215</v>
      </c>
      <c r="E156" s="3" t="s">
        <v>498</v>
      </c>
      <c r="F156" s="3" t="s">
        <v>621</v>
      </c>
      <c r="G156" s="3" t="s">
        <v>50</v>
      </c>
      <c r="H156" s="3" t="s">
        <v>29</v>
      </c>
      <c r="I156" s="3" t="s">
        <v>37</v>
      </c>
      <c r="J156" s="3" t="s">
        <v>622</v>
      </c>
      <c r="K156" s="3" t="s">
        <v>32</v>
      </c>
      <c r="L156" s="3" t="s">
        <v>106</v>
      </c>
      <c r="M156" s="3" t="s">
        <v>69</v>
      </c>
      <c r="N156" s="3" t="s">
        <v>53</v>
      </c>
      <c r="O156" s="3" t="s">
        <v>36</v>
      </c>
      <c r="P156" s="3" t="s">
        <v>55</v>
      </c>
      <c r="Q156" s="3" t="s">
        <v>37</v>
      </c>
      <c r="R156" s="3" t="s">
        <v>39</v>
      </c>
      <c r="S156" s="3" t="s">
        <v>623</v>
      </c>
      <c r="T156" s="3"/>
      <c r="U156" s="3" t="s">
        <v>37</v>
      </c>
      <c r="V156" s="3" t="s">
        <v>37</v>
      </c>
    </row>
    <row r="157" spans="1:22" x14ac:dyDescent="0.25">
      <c r="A157" s="3" t="s">
        <v>22</v>
      </c>
      <c r="B157" s="4" t="s">
        <v>514</v>
      </c>
      <c r="C157" s="3" t="s">
        <v>515</v>
      </c>
      <c r="D157" s="5" t="s">
        <v>216</v>
      </c>
      <c r="E157" s="3" t="s">
        <v>498</v>
      </c>
      <c r="F157" s="3" t="s">
        <v>624</v>
      </c>
      <c r="G157" s="3" t="s">
        <v>180</v>
      </c>
      <c r="H157" s="3" t="s">
        <v>29</v>
      </c>
      <c r="I157" s="3" t="s">
        <v>37</v>
      </c>
      <c r="J157" s="3" t="s">
        <v>625</v>
      </c>
      <c r="K157" s="3" t="s">
        <v>32</v>
      </c>
      <c r="L157" s="3" t="s">
        <v>106</v>
      </c>
      <c r="M157" s="3" t="s">
        <v>69</v>
      </c>
      <c r="N157" s="3" t="s">
        <v>53</v>
      </c>
      <c r="O157" s="3" t="s">
        <v>36</v>
      </c>
      <c r="P157" s="3" t="s">
        <v>55</v>
      </c>
      <c r="Q157" s="3" t="s">
        <v>37</v>
      </c>
      <c r="R157" s="3" t="s">
        <v>39</v>
      </c>
      <c r="S157" s="3" t="s">
        <v>626</v>
      </c>
      <c r="T157" s="3"/>
      <c r="U157" s="3" t="s">
        <v>37</v>
      </c>
      <c r="V157" s="3" t="s">
        <v>37</v>
      </c>
    </row>
    <row r="158" spans="1:22" x14ac:dyDescent="0.25">
      <c r="A158" s="3" t="s">
        <v>22</v>
      </c>
      <c r="B158" s="4" t="s">
        <v>514</v>
      </c>
      <c r="C158" s="3" t="s">
        <v>515</v>
      </c>
      <c r="D158" s="5" t="s">
        <v>217</v>
      </c>
      <c r="E158" s="3" t="s">
        <v>505</v>
      </c>
      <c r="F158" s="3" t="s">
        <v>627</v>
      </c>
      <c r="G158" s="3" t="s">
        <v>628</v>
      </c>
      <c r="H158" s="3" t="s">
        <v>29</v>
      </c>
      <c r="I158" s="3" t="s">
        <v>629</v>
      </c>
      <c r="J158" s="3" t="s">
        <v>630</v>
      </c>
      <c r="K158" s="3" t="s">
        <v>32</v>
      </c>
      <c r="L158" s="3" t="s">
        <v>106</v>
      </c>
      <c r="M158" s="3" t="s">
        <v>510</v>
      </c>
      <c r="N158" s="3" t="s">
        <v>511</v>
      </c>
      <c r="O158" s="3" t="s">
        <v>512</v>
      </c>
      <c r="P158" s="3" t="s">
        <v>55</v>
      </c>
      <c r="Q158" s="3" t="s">
        <v>38</v>
      </c>
      <c r="R158" s="3" t="s">
        <v>39</v>
      </c>
      <c r="S158" s="3" t="s">
        <v>631</v>
      </c>
      <c r="T158" s="3"/>
      <c r="U158" s="3" t="s">
        <v>37</v>
      </c>
      <c r="V158" s="3" t="s">
        <v>37</v>
      </c>
    </row>
    <row r="159" spans="1:22" x14ac:dyDescent="0.25">
      <c r="A159" s="3"/>
      <c r="B159" s="4"/>
      <c r="C159" s="3"/>
      <c r="D159" s="5"/>
      <c r="E159" s="6" t="s">
        <v>225</v>
      </c>
      <c r="F159" s="3"/>
      <c r="G159" s="3"/>
      <c r="H159" s="3"/>
      <c r="I159" s="3"/>
      <c r="J159" s="3"/>
      <c r="K159" s="3"/>
      <c r="L159" s="3"/>
      <c r="M159" s="3"/>
      <c r="N159" s="3"/>
      <c r="O159" s="3"/>
      <c r="P159" s="3"/>
      <c r="Q159" s="3"/>
      <c r="R159" s="3"/>
      <c r="S159" s="3"/>
      <c r="T159" s="3"/>
      <c r="U159" s="3"/>
      <c r="V159" s="3"/>
    </row>
    <row r="160" spans="1:22" x14ac:dyDescent="0.25">
      <c r="A160" s="3"/>
      <c r="B160" s="4"/>
      <c r="C160" s="3"/>
      <c r="D160" s="5"/>
      <c r="E160" s="6"/>
      <c r="F160" s="3"/>
      <c r="G160" s="3"/>
      <c r="H160" s="3"/>
      <c r="I160" s="3"/>
      <c r="J160" s="3"/>
      <c r="K160" s="3"/>
      <c r="L160" s="3"/>
      <c r="M160" s="3"/>
      <c r="N160" s="3"/>
      <c r="O160" s="3"/>
      <c r="P160" s="3"/>
      <c r="Q160" s="3"/>
      <c r="R160" s="3"/>
      <c r="S160" s="3"/>
      <c r="T160" s="3"/>
      <c r="U160" s="3"/>
      <c r="V160" s="3"/>
    </row>
    <row r="161" spans="1:22" x14ac:dyDescent="0.25">
      <c r="A161" s="3"/>
      <c r="B161" s="4"/>
      <c r="C161" s="3"/>
      <c r="D161" s="5"/>
      <c r="E161" s="3"/>
      <c r="F161" s="3"/>
      <c r="G161" s="3"/>
      <c r="H161" s="3"/>
      <c r="I161" s="3"/>
      <c r="J161" s="3"/>
      <c r="K161" s="3"/>
      <c r="L161" s="3"/>
      <c r="M161" s="3"/>
      <c r="N161" s="3"/>
      <c r="O161" s="3"/>
      <c r="P161" s="3"/>
      <c r="Q161" s="3"/>
      <c r="R161" s="3"/>
      <c r="S161" s="3"/>
      <c r="T161" s="3"/>
      <c r="U161" s="3"/>
      <c r="V161" s="3"/>
    </row>
    <row r="162" spans="1:22" x14ac:dyDescent="0.25">
      <c r="A162" s="3" t="s">
        <v>22</v>
      </c>
      <c r="B162" s="4" t="s">
        <v>632</v>
      </c>
      <c r="C162" s="3" t="s">
        <v>633</v>
      </c>
      <c r="D162" s="5" t="s">
        <v>25</v>
      </c>
      <c r="E162" s="3" t="s">
        <v>47</v>
      </c>
      <c r="F162" s="3" t="s">
        <v>550</v>
      </c>
      <c r="G162" s="3" t="s">
        <v>72</v>
      </c>
      <c r="H162" s="3" t="s">
        <v>60</v>
      </c>
      <c r="I162" s="3" t="s">
        <v>51</v>
      </c>
      <c r="J162" s="3" t="s">
        <v>551</v>
      </c>
      <c r="K162" s="3" t="s">
        <v>32</v>
      </c>
      <c r="L162" s="3" t="s">
        <v>33</v>
      </c>
      <c r="M162" s="3" t="s">
        <v>34</v>
      </c>
      <c r="N162" s="3" t="s">
        <v>62</v>
      </c>
      <c r="O162" s="3" t="s">
        <v>54</v>
      </c>
      <c r="P162" s="3" t="s">
        <v>55</v>
      </c>
      <c r="Q162" s="3" t="s">
        <v>37</v>
      </c>
      <c r="R162" s="3" t="s">
        <v>39</v>
      </c>
      <c r="S162" s="3" t="s">
        <v>552</v>
      </c>
      <c r="T162" s="3"/>
      <c r="U162" s="3" t="s">
        <v>37</v>
      </c>
      <c r="V162" s="3" t="s">
        <v>37</v>
      </c>
    </row>
    <row r="163" spans="1:22" x14ac:dyDescent="0.25">
      <c r="A163" s="3" t="s">
        <v>22</v>
      </c>
      <c r="B163" s="4" t="s">
        <v>632</v>
      </c>
      <c r="C163" s="3" t="s">
        <v>633</v>
      </c>
      <c r="D163" s="5" t="s">
        <v>41</v>
      </c>
      <c r="E163" s="3" t="s">
        <v>47</v>
      </c>
      <c r="F163" s="3" t="s">
        <v>634</v>
      </c>
      <c r="G163" s="3" t="s">
        <v>153</v>
      </c>
      <c r="H163" s="3" t="s">
        <v>60</v>
      </c>
      <c r="I163" s="3" t="s">
        <v>51</v>
      </c>
      <c r="J163" s="3" t="s">
        <v>635</v>
      </c>
      <c r="K163" s="3" t="s">
        <v>32</v>
      </c>
      <c r="L163" s="3" t="s">
        <v>33</v>
      </c>
      <c r="M163" s="3" t="s">
        <v>34</v>
      </c>
      <c r="N163" s="3" t="s">
        <v>62</v>
      </c>
      <c r="O163" s="3" t="s">
        <v>54</v>
      </c>
      <c r="P163" s="3" t="s">
        <v>55</v>
      </c>
      <c r="Q163" s="3" t="s">
        <v>37</v>
      </c>
      <c r="R163" s="3" t="s">
        <v>39</v>
      </c>
      <c r="S163" s="3" t="s">
        <v>636</v>
      </c>
      <c r="T163" s="3"/>
      <c r="U163" s="3" t="s">
        <v>37</v>
      </c>
      <c r="V163" s="3" t="s">
        <v>37</v>
      </c>
    </row>
    <row r="164" spans="1:22" x14ac:dyDescent="0.25">
      <c r="A164" s="3" t="s">
        <v>22</v>
      </c>
      <c r="B164" s="4" t="s">
        <v>632</v>
      </c>
      <c r="C164" s="3" t="s">
        <v>633</v>
      </c>
      <c r="D164" s="5" t="s">
        <v>637</v>
      </c>
      <c r="E164" s="3" t="s">
        <v>47</v>
      </c>
      <c r="F164" s="3" t="s">
        <v>447</v>
      </c>
      <c r="G164" s="3" t="s">
        <v>253</v>
      </c>
      <c r="H164" s="3" t="s">
        <v>60</v>
      </c>
      <c r="I164" s="3" t="s">
        <v>51</v>
      </c>
      <c r="J164" s="3" t="s">
        <v>448</v>
      </c>
      <c r="K164" s="3" t="s">
        <v>32</v>
      </c>
      <c r="L164" s="3" t="s">
        <v>33</v>
      </c>
      <c r="M164" s="3" t="s">
        <v>34</v>
      </c>
      <c r="N164" s="3" t="s">
        <v>62</v>
      </c>
      <c r="O164" s="3" t="s">
        <v>54</v>
      </c>
      <c r="P164" s="3" t="s">
        <v>55</v>
      </c>
      <c r="Q164" s="3" t="s">
        <v>37</v>
      </c>
      <c r="R164" s="3" t="s">
        <v>39</v>
      </c>
      <c r="S164" s="3" t="s">
        <v>449</v>
      </c>
      <c r="T164" s="3"/>
      <c r="U164" s="3" t="s">
        <v>37</v>
      </c>
      <c r="V164" s="3" t="s">
        <v>37</v>
      </c>
    </row>
    <row r="165" spans="1:22" x14ac:dyDescent="0.25">
      <c r="A165" s="3" t="s">
        <v>22</v>
      </c>
      <c r="B165" s="4" t="s">
        <v>632</v>
      </c>
      <c r="C165" s="3" t="s">
        <v>633</v>
      </c>
      <c r="D165" s="5" t="s">
        <v>57</v>
      </c>
      <c r="E165" s="3" t="s">
        <v>116</v>
      </c>
      <c r="F165" s="3" t="s">
        <v>638</v>
      </c>
      <c r="G165" s="3" t="s">
        <v>29</v>
      </c>
      <c r="H165" s="3" t="s">
        <v>29</v>
      </c>
      <c r="I165" s="3" t="s">
        <v>119</v>
      </c>
      <c r="J165" s="3" t="s">
        <v>639</v>
      </c>
      <c r="K165" s="3" t="s">
        <v>32</v>
      </c>
      <c r="L165" s="3" t="s">
        <v>33</v>
      </c>
      <c r="M165" s="3" t="s">
        <v>69</v>
      </c>
      <c r="N165" s="3" t="s">
        <v>53</v>
      </c>
      <c r="O165" s="3" t="s">
        <v>54</v>
      </c>
      <c r="P165" s="3" t="s">
        <v>37</v>
      </c>
      <c r="Q165" s="3" t="s">
        <v>37</v>
      </c>
      <c r="R165" s="3" t="s">
        <v>39</v>
      </c>
      <c r="S165" s="3" t="s">
        <v>640</v>
      </c>
      <c r="T165" s="3"/>
      <c r="U165" s="3" t="s">
        <v>37</v>
      </c>
      <c r="V165" s="3" t="s">
        <v>37</v>
      </c>
    </row>
    <row r="166" spans="1:22" x14ac:dyDescent="0.25">
      <c r="A166" s="3" t="s">
        <v>22</v>
      </c>
      <c r="B166" s="4" t="s">
        <v>632</v>
      </c>
      <c r="C166" s="3" t="s">
        <v>633</v>
      </c>
      <c r="D166" s="5" t="s">
        <v>641</v>
      </c>
      <c r="E166" s="3" t="s">
        <v>116</v>
      </c>
      <c r="F166" s="3" t="s">
        <v>642</v>
      </c>
      <c r="G166" s="3" t="s">
        <v>60</v>
      </c>
      <c r="H166" s="3" t="s">
        <v>29</v>
      </c>
      <c r="I166" s="3" t="s">
        <v>119</v>
      </c>
      <c r="J166" s="3" t="s">
        <v>643</v>
      </c>
      <c r="K166" s="3" t="s">
        <v>32</v>
      </c>
      <c r="L166" s="3" t="s">
        <v>33</v>
      </c>
      <c r="M166" s="3" t="s">
        <v>69</v>
      </c>
      <c r="N166" s="3" t="s">
        <v>53</v>
      </c>
      <c r="O166" s="3" t="s">
        <v>54</v>
      </c>
      <c r="P166" s="3" t="s">
        <v>37</v>
      </c>
      <c r="Q166" s="3" t="s">
        <v>37</v>
      </c>
      <c r="R166" s="3" t="s">
        <v>39</v>
      </c>
      <c r="S166" s="3" t="s">
        <v>644</v>
      </c>
      <c r="T166" s="3"/>
      <c r="U166" s="3" t="s">
        <v>37</v>
      </c>
      <c r="V166" s="3" t="s">
        <v>37</v>
      </c>
    </row>
    <row r="167" spans="1:22" x14ac:dyDescent="0.25">
      <c r="A167" s="3" t="s">
        <v>22</v>
      </c>
      <c r="B167" s="4" t="s">
        <v>632</v>
      </c>
      <c r="C167" s="3" t="s">
        <v>633</v>
      </c>
      <c r="D167" s="5" t="s">
        <v>73</v>
      </c>
      <c r="E167" s="3" t="s">
        <v>436</v>
      </c>
      <c r="F167" s="3" t="s">
        <v>645</v>
      </c>
      <c r="G167" s="3" t="s">
        <v>646</v>
      </c>
      <c r="H167" s="3" t="s">
        <v>180</v>
      </c>
      <c r="I167" s="3" t="s">
        <v>647</v>
      </c>
      <c r="J167" s="3" t="s">
        <v>648</v>
      </c>
      <c r="K167" s="3" t="s">
        <v>32</v>
      </c>
      <c r="L167" s="3" t="s">
        <v>33</v>
      </c>
      <c r="M167" s="3" t="s">
        <v>69</v>
      </c>
      <c r="N167" s="3" t="s">
        <v>440</v>
      </c>
      <c r="O167" s="3" t="s">
        <v>54</v>
      </c>
      <c r="P167" s="3" t="s">
        <v>37</v>
      </c>
      <c r="Q167" s="3" t="s">
        <v>37</v>
      </c>
      <c r="R167" s="3" t="s">
        <v>39</v>
      </c>
      <c r="S167" s="3" t="s">
        <v>649</v>
      </c>
      <c r="T167" s="3"/>
      <c r="U167" s="3" t="s">
        <v>37</v>
      </c>
      <c r="V167" s="3" t="s">
        <v>37</v>
      </c>
    </row>
    <row r="168" spans="1:22" x14ac:dyDescent="0.25">
      <c r="A168" s="3" t="s">
        <v>22</v>
      </c>
      <c r="B168" s="4" t="s">
        <v>632</v>
      </c>
      <c r="C168" s="3" t="s">
        <v>633</v>
      </c>
      <c r="D168" s="5" t="s">
        <v>81</v>
      </c>
      <c r="E168" s="3" t="s">
        <v>436</v>
      </c>
      <c r="F168" s="3" t="s">
        <v>650</v>
      </c>
      <c r="G168" s="3" t="s">
        <v>651</v>
      </c>
      <c r="H168" s="3" t="s">
        <v>180</v>
      </c>
      <c r="I168" s="3" t="s">
        <v>652</v>
      </c>
      <c r="J168" s="3" t="s">
        <v>653</v>
      </c>
      <c r="K168" s="3" t="s">
        <v>32</v>
      </c>
      <c r="L168" s="3" t="s">
        <v>33</v>
      </c>
      <c r="M168" s="3" t="s">
        <v>69</v>
      </c>
      <c r="N168" s="3" t="s">
        <v>440</v>
      </c>
      <c r="O168" s="3" t="s">
        <v>54</v>
      </c>
      <c r="P168" s="3" t="s">
        <v>37</v>
      </c>
      <c r="Q168" s="3" t="s">
        <v>37</v>
      </c>
      <c r="R168" s="3" t="s">
        <v>39</v>
      </c>
      <c r="S168" s="3" t="s">
        <v>654</v>
      </c>
      <c r="T168" s="3"/>
      <c r="U168" s="3" t="s">
        <v>37</v>
      </c>
      <c r="V168" s="3" t="s">
        <v>37</v>
      </c>
    </row>
    <row r="169" spans="1:22" x14ac:dyDescent="0.25">
      <c r="A169" s="3" t="s">
        <v>22</v>
      </c>
      <c r="B169" s="4" t="s">
        <v>632</v>
      </c>
      <c r="C169" s="3" t="s">
        <v>633</v>
      </c>
      <c r="D169" s="5" t="s">
        <v>261</v>
      </c>
      <c r="E169" s="3" t="s">
        <v>436</v>
      </c>
      <c r="F169" s="3" t="s">
        <v>655</v>
      </c>
      <c r="G169" s="3" t="s">
        <v>656</v>
      </c>
      <c r="H169" s="3" t="s">
        <v>180</v>
      </c>
      <c r="I169" s="3" t="s">
        <v>657</v>
      </c>
      <c r="J169" s="3" t="s">
        <v>658</v>
      </c>
      <c r="K169" s="3" t="s">
        <v>32</v>
      </c>
      <c r="L169" s="3" t="s">
        <v>33</v>
      </c>
      <c r="M169" s="3" t="s">
        <v>69</v>
      </c>
      <c r="N169" s="3" t="s">
        <v>440</v>
      </c>
      <c r="O169" s="3" t="s">
        <v>54</v>
      </c>
      <c r="P169" s="3" t="s">
        <v>37</v>
      </c>
      <c r="Q169" s="3" t="s">
        <v>37</v>
      </c>
      <c r="R169" s="3" t="s">
        <v>39</v>
      </c>
      <c r="S169" s="3" t="s">
        <v>659</v>
      </c>
      <c r="T169" s="3"/>
      <c r="U169" s="3" t="s">
        <v>37</v>
      </c>
      <c r="V169" s="3" t="s">
        <v>37</v>
      </c>
    </row>
    <row r="170" spans="1:22" x14ac:dyDescent="0.25">
      <c r="A170" s="3" t="s">
        <v>22</v>
      </c>
      <c r="B170" s="4" t="s">
        <v>632</v>
      </c>
      <c r="C170" s="3" t="s">
        <v>633</v>
      </c>
      <c r="D170" s="5" t="s">
        <v>91</v>
      </c>
      <c r="E170" s="3" t="s">
        <v>47</v>
      </c>
      <c r="F170" s="3" t="s">
        <v>593</v>
      </c>
      <c r="G170" s="3" t="s">
        <v>387</v>
      </c>
      <c r="H170" s="3" t="s">
        <v>50</v>
      </c>
      <c r="I170" s="3" t="s">
        <v>51</v>
      </c>
      <c r="J170" s="3" t="s">
        <v>594</v>
      </c>
      <c r="K170" s="3" t="s">
        <v>32</v>
      </c>
      <c r="L170" s="3" t="s">
        <v>33</v>
      </c>
      <c r="M170" s="3" t="s">
        <v>34</v>
      </c>
      <c r="N170" s="3" t="s">
        <v>53</v>
      </c>
      <c r="O170" s="3" t="s">
        <v>54</v>
      </c>
      <c r="P170" s="3" t="s">
        <v>55</v>
      </c>
      <c r="Q170" s="3" t="s">
        <v>37</v>
      </c>
      <c r="R170" s="3" t="s">
        <v>39</v>
      </c>
      <c r="S170" s="3" t="s">
        <v>595</v>
      </c>
      <c r="T170" s="3"/>
      <c r="U170" s="3" t="s">
        <v>37</v>
      </c>
      <c r="V170" s="3" t="s">
        <v>37</v>
      </c>
    </row>
    <row r="171" spans="1:22" x14ac:dyDescent="0.25">
      <c r="A171" s="3" t="s">
        <v>22</v>
      </c>
      <c r="B171" s="4" t="s">
        <v>632</v>
      </c>
      <c r="C171" s="3" t="s">
        <v>633</v>
      </c>
      <c r="D171" s="5" t="s">
        <v>404</v>
      </c>
      <c r="E171" s="3" t="s">
        <v>47</v>
      </c>
      <c r="F171" s="3" t="s">
        <v>48</v>
      </c>
      <c r="G171" s="3" t="s">
        <v>49</v>
      </c>
      <c r="H171" s="3" t="s">
        <v>50</v>
      </c>
      <c r="I171" s="3" t="s">
        <v>51</v>
      </c>
      <c r="J171" s="3" t="s">
        <v>52</v>
      </c>
      <c r="K171" s="3" t="s">
        <v>32</v>
      </c>
      <c r="L171" s="3" t="s">
        <v>33</v>
      </c>
      <c r="M171" s="3" t="s">
        <v>34</v>
      </c>
      <c r="N171" s="3" t="s">
        <v>53</v>
      </c>
      <c r="O171" s="3" t="s">
        <v>54</v>
      </c>
      <c r="P171" s="3" t="s">
        <v>55</v>
      </c>
      <c r="Q171" s="3" t="s">
        <v>37</v>
      </c>
      <c r="R171" s="3" t="s">
        <v>39</v>
      </c>
      <c r="S171" s="3" t="s">
        <v>56</v>
      </c>
      <c r="T171" s="3"/>
      <c r="U171" s="3" t="s">
        <v>37</v>
      </c>
      <c r="V171" s="3" t="s">
        <v>37</v>
      </c>
    </row>
    <row r="172" spans="1:22" x14ac:dyDescent="0.25">
      <c r="A172" s="3" t="s">
        <v>22</v>
      </c>
      <c r="B172" s="4" t="s">
        <v>632</v>
      </c>
      <c r="C172" s="3" t="s">
        <v>633</v>
      </c>
      <c r="D172" s="5" t="s">
        <v>660</v>
      </c>
      <c r="E172" s="3" t="s">
        <v>47</v>
      </c>
      <c r="F172" s="3" t="s">
        <v>661</v>
      </c>
      <c r="G172" s="3" t="s">
        <v>526</v>
      </c>
      <c r="H172" s="3" t="s">
        <v>50</v>
      </c>
      <c r="I172" s="3" t="s">
        <v>51</v>
      </c>
      <c r="J172" s="3" t="s">
        <v>662</v>
      </c>
      <c r="K172" s="3" t="s">
        <v>32</v>
      </c>
      <c r="L172" s="3" t="s">
        <v>33</v>
      </c>
      <c r="M172" s="3" t="s">
        <v>34</v>
      </c>
      <c r="N172" s="3" t="s">
        <v>53</v>
      </c>
      <c r="O172" s="3" t="s">
        <v>54</v>
      </c>
      <c r="P172" s="3" t="s">
        <v>55</v>
      </c>
      <c r="Q172" s="3" t="s">
        <v>37</v>
      </c>
      <c r="R172" s="3" t="s">
        <v>39</v>
      </c>
      <c r="S172" s="3" t="s">
        <v>663</v>
      </c>
      <c r="T172" s="3"/>
      <c r="U172" s="3" t="s">
        <v>37</v>
      </c>
      <c r="V172" s="3" t="s">
        <v>37</v>
      </c>
    </row>
    <row r="173" spans="1:22" x14ac:dyDescent="0.25">
      <c r="A173" s="3" t="s">
        <v>22</v>
      </c>
      <c r="B173" s="4" t="s">
        <v>632</v>
      </c>
      <c r="C173" s="3" t="s">
        <v>633</v>
      </c>
      <c r="D173" s="5" t="s">
        <v>272</v>
      </c>
      <c r="E173" s="3" t="s">
        <v>65</v>
      </c>
      <c r="F173" s="3" t="s">
        <v>664</v>
      </c>
      <c r="G173" s="3" t="s">
        <v>375</v>
      </c>
      <c r="H173" s="3" t="s">
        <v>29</v>
      </c>
      <c r="I173" s="3" t="s">
        <v>37</v>
      </c>
      <c r="J173" s="3" t="s">
        <v>37</v>
      </c>
      <c r="K173" s="3" t="s">
        <v>32</v>
      </c>
      <c r="L173" s="3" t="s">
        <v>33</v>
      </c>
      <c r="M173" s="3" t="s">
        <v>69</v>
      </c>
      <c r="N173" s="3" t="s">
        <v>53</v>
      </c>
      <c r="O173" s="3" t="s">
        <v>37</v>
      </c>
      <c r="P173" s="3" t="s">
        <v>37</v>
      </c>
      <c r="Q173" s="3" t="s">
        <v>37</v>
      </c>
      <c r="R173" s="3" t="s">
        <v>39</v>
      </c>
      <c r="S173" s="3" t="s">
        <v>665</v>
      </c>
      <c r="T173" s="3" t="s">
        <v>126</v>
      </c>
      <c r="U173" s="3" t="s">
        <v>37</v>
      </c>
      <c r="V173" s="3" t="s">
        <v>37</v>
      </c>
    </row>
    <row r="174" spans="1:22" x14ac:dyDescent="0.25">
      <c r="A174" s="3" t="s">
        <v>22</v>
      </c>
      <c r="B174" s="4" t="s">
        <v>632</v>
      </c>
      <c r="C174" s="3" t="s">
        <v>633</v>
      </c>
      <c r="D174" s="5" t="s">
        <v>666</v>
      </c>
      <c r="E174" s="3" t="s">
        <v>65</v>
      </c>
      <c r="F174" s="3" t="s">
        <v>667</v>
      </c>
      <c r="G174" s="3" t="s">
        <v>163</v>
      </c>
      <c r="H174" s="3" t="s">
        <v>29</v>
      </c>
      <c r="I174" s="3" t="s">
        <v>37</v>
      </c>
      <c r="J174" s="3" t="s">
        <v>668</v>
      </c>
      <c r="K174" s="3" t="s">
        <v>32</v>
      </c>
      <c r="L174" s="3" t="s">
        <v>33</v>
      </c>
      <c r="M174" s="3" t="s">
        <v>69</v>
      </c>
      <c r="N174" s="3" t="s">
        <v>53</v>
      </c>
      <c r="O174" s="3" t="s">
        <v>428</v>
      </c>
      <c r="P174" s="3" t="s">
        <v>55</v>
      </c>
      <c r="Q174" s="3" t="s">
        <v>37</v>
      </c>
      <c r="R174" s="3" t="s">
        <v>39</v>
      </c>
      <c r="S174" s="3" t="s">
        <v>669</v>
      </c>
      <c r="T174" s="3"/>
      <c r="U174" s="3" t="s">
        <v>37</v>
      </c>
      <c r="V174" s="3" t="s">
        <v>37</v>
      </c>
    </row>
    <row r="175" spans="1:22" x14ac:dyDescent="0.25">
      <c r="A175" s="3" t="s">
        <v>22</v>
      </c>
      <c r="B175" s="4" t="s">
        <v>632</v>
      </c>
      <c r="C175" s="3" t="s">
        <v>633</v>
      </c>
      <c r="D175" s="5" t="s">
        <v>115</v>
      </c>
      <c r="E175" s="3" t="s">
        <v>47</v>
      </c>
      <c r="F175" s="3" t="s">
        <v>670</v>
      </c>
      <c r="G175" s="3" t="s">
        <v>480</v>
      </c>
      <c r="H175" s="3" t="s">
        <v>60</v>
      </c>
      <c r="I175" s="3" t="s">
        <v>51</v>
      </c>
      <c r="J175" s="3" t="s">
        <v>671</v>
      </c>
      <c r="K175" s="3" t="s">
        <v>32</v>
      </c>
      <c r="L175" s="3" t="s">
        <v>33</v>
      </c>
      <c r="M175" s="3" t="s">
        <v>34</v>
      </c>
      <c r="N175" s="3" t="s">
        <v>62</v>
      </c>
      <c r="O175" s="3" t="s">
        <v>54</v>
      </c>
      <c r="P175" s="3" t="s">
        <v>55</v>
      </c>
      <c r="Q175" s="3" t="s">
        <v>37</v>
      </c>
      <c r="R175" s="3" t="s">
        <v>39</v>
      </c>
      <c r="S175" s="3" t="s">
        <v>672</v>
      </c>
      <c r="T175" s="3"/>
      <c r="U175" s="3" t="s">
        <v>37</v>
      </c>
      <c r="V175" s="3" t="s">
        <v>37</v>
      </c>
    </row>
    <row r="176" spans="1:22" x14ac:dyDescent="0.25">
      <c r="A176" s="3" t="s">
        <v>22</v>
      </c>
      <c r="B176" s="4" t="s">
        <v>632</v>
      </c>
      <c r="C176" s="3" t="s">
        <v>633</v>
      </c>
      <c r="D176" s="5" t="s">
        <v>122</v>
      </c>
      <c r="E176" s="3" t="s">
        <v>47</v>
      </c>
      <c r="F176" s="3" t="s">
        <v>673</v>
      </c>
      <c r="G176" s="3" t="s">
        <v>486</v>
      </c>
      <c r="H176" s="3" t="s">
        <v>60</v>
      </c>
      <c r="I176" s="3" t="s">
        <v>51</v>
      </c>
      <c r="J176" s="3" t="s">
        <v>674</v>
      </c>
      <c r="K176" s="3" t="s">
        <v>32</v>
      </c>
      <c r="L176" s="3" t="s">
        <v>37</v>
      </c>
      <c r="M176" s="3" t="s">
        <v>34</v>
      </c>
      <c r="N176" s="3" t="s">
        <v>62</v>
      </c>
      <c r="O176" s="3" t="s">
        <v>54</v>
      </c>
      <c r="P176" s="3" t="s">
        <v>55</v>
      </c>
      <c r="Q176" s="3" t="s">
        <v>37</v>
      </c>
      <c r="R176" s="3" t="s">
        <v>39</v>
      </c>
      <c r="S176" s="3" t="s">
        <v>675</v>
      </c>
      <c r="T176" s="3"/>
      <c r="U176" s="3" t="s">
        <v>37</v>
      </c>
      <c r="V176" s="3" t="s">
        <v>37</v>
      </c>
    </row>
    <row r="177" spans="1:22" x14ac:dyDescent="0.25">
      <c r="A177" s="3" t="s">
        <v>22</v>
      </c>
      <c r="B177" s="4" t="s">
        <v>632</v>
      </c>
      <c r="C177" s="3" t="s">
        <v>633</v>
      </c>
      <c r="D177" s="5" t="s">
        <v>676</v>
      </c>
      <c r="E177" s="3" t="s">
        <v>47</v>
      </c>
      <c r="F177" s="3" t="s">
        <v>677</v>
      </c>
      <c r="G177" s="3" t="s">
        <v>607</v>
      </c>
      <c r="H177" s="3" t="s">
        <v>60</v>
      </c>
      <c r="I177" s="3" t="s">
        <v>51</v>
      </c>
      <c r="J177" s="3" t="s">
        <v>678</v>
      </c>
      <c r="K177" s="3" t="s">
        <v>32</v>
      </c>
      <c r="L177" s="3" t="s">
        <v>33</v>
      </c>
      <c r="M177" s="3" t="s">
        <v>34</v>
      </c>
      <c r="N177" s="3" t="s">
        <v>62</v>
      </c>
      <c r="O177" s="3" t="s">
        <v>54</v>
      </c>
      <c r="P177" s="3" t="s">
        <v>55</v>
      </c>
      <c r="Q177" s="3" t="s">
        <v>37</v>
      </c>
      <c r="R177" s="3" t="s">
        <v>39</v>
      </c>
      <c r="S177" s="3" t="s">
        <v>679</v>
      </c>
      <c r="T177" s="3"/>
      <c r="U177" s="3" t="s">
        <v>37</v>
      </c>
      <c r="V177" s="3" t="s">
        <v>37</v>
      </c>
    </row>
    <row r="178" spans="1:22" x14ac:dyDescent="0.25">
      <c r="A178" s="3" t="s">
        <v>22</v>
      </c>
      <c r="B178" s="4" t="s">
        <v>632</v>
      </c>
      <c r="C178" s="3" t="s">
        <v>633</v>
      </c>
      <c r="D178" s="5" t="s">
        <v>680</v>
      </c>
      <c r="E178" s="3" t="s">
        <v>139</v>
      </c>
      <c r="F178" s="3" t="s">
        <v>681</v>
      </c>
      <c r="G178" s="3" t="s">
        <v>269</v>
      </c>
      <c r="H178" s="3" t="s">
        <v>29</v>
      </c>
      <c r="I178" s="3" t="s">
        <v>296</v>
      </c>
      <c r="J178" s="3" t="s">
        <v>682</v>
      </c>
      <c r="K178" s="3" t="s">
        <v>32</v>
      </c>
      <c r="L178" s="3" t="s">
        <v>33</v>
      </c>
      <c r="M178" s="3" t="s">
        <v>69</v>
      </c>
      <c r="N178" s="3" t="s">
        <v>79</v>
      </c>
      <c r="O178" s="3" t="s">
        <v>54</v>
      </c>
      <c r="P178" s="3" t="s">
        <v>37</v>
      </c>
      <c r="Q178" s="3" t="s">
        <v>37</v>
      </c>
      <c r="R178" s="3" t="s">
        <v>39</v>
      </c>
      <c r="S178" s="3" t="s">
        <v>683</v>
      </c>
      <c r="T178" s="3"/>
      <c r="U178" s="3" t="s">
        <v>37</v>
      </c>
      <c r="V178" s="3" t="s">
        <v>145</v>
      </c>
    </row>
    <row r="179" spans="1:22" x14ac:dyDescent="0.25">
      <c r="A179" s="3" t="s">
        <v>22</v>
      </c>
      <c r="B179" s="4" t="s">
        <v>632</v>
      </c>
      <c r="C179" s="3" t="s">
        <v>633</v>
      </c>
      <c r="D179" s="5" t="s">
        <v>684</v>
      </c>
      <c r="E179" s="3" t="s">
        <v>139</v>
      </c>
      <c r="F179" s="3" t="s">
        <v>378</v>
      </c>
      <c r="G179" s="3" t="s">
        <v>379</v>
      </c>
      <c r="H179" s="3" t="s">
        <v>29</v>
      </c>
      <c r="I179" s="3" t="s">
        <v>296</v>
      </c>
      <c r="J179" s="3" t="s">
        <v>380</v>
      </c>
      <c r="K179" s="3" t="s">
        <v>32</v>
      </c>
      <c r="L179" s="3" t="s">
        <v>33</v>
      </c>
      <c r="M179" s="3" t="s">
        <v>69</v>
      </c>
      <c r="N179" s="3" t="s">
        <v>79</v>
      </c>
      <c r="O179" s="3" t="s">
        <v>54</v>
      </c>
      <c r="P179" s="3" t="s">
        <v>37</v>
      </c>
      <c r="Q179" s="3" t="s">
        <v>37</v>
      </c>
      <c r="R179" s="3" t="s">
        <v>39</v>
      </c>
      <c r="S179" s="3" t="s">
        <v>381</v>
      </c>
      <c r="T179" s="3"/>
      <c r="U179" s="3" t="s">
        <v>37</v>
      </c>
      <c r="V179" s="3" t="s">
        <v>145</v>
      </c>
    </row>
    <row r="180" spans="1:22" x14ac:dyDescent="0.25">
      <c r="A180" s="3" t="s">
        <v>22</v>
      </c>
      <c r="B180" s="4" t="s">
        <v>632</v>
      </c>
      <c r="C180" s="3" t="s">
        <v>633</v>
      </c>
      <c r="D180" s="5" t="s">
        <v>685</v>
      </c>
      <c r="E180" s="3" t="s">
        <v>139</v>
      </c>
      <c r="F180" s="3" t="s">
        <v>374</v>
      </c>
      <c r="G180" s="3" t="s">
        <v>375</v>
      </c>
      <c r="H180" s="3" t="s">
        <v>29</v>
      </c>
      <c r="I180" s="3" t="s">
        <v>296</v>
      </c>
      <c r="J180" s="3" t="s">
        <v>376</v>
      </c>
      <c r="K180" s="3" t="s">
        <v>32</v>
      </c>
      <c r="L180" s="3" t="s">
        <v>33</v>
      </c>
      <c r="M180" s="3" t="s">
        <v>69</v>
      </c>
      <c r="N180" s="3" t="s">
        <v>79</v>
      </c>
      <c r="O180" s="3" t="s">
        <v>54</v>
      </c>
      <c r="P180" s="3" t="s">
        <v>37</v>
      </c>
      <c r="Q180" s="3" t="s">
        <v>37</v>
      </c>
      <c r="R180" s="3" t="s">
        <v>39</v>
      </c>
      <c r="S180" s="3" t="s">
        <v>377</v>
      </c>
      <c r="T180" s="3"/>
      <c r="U180" s="3" t="s">
        <v>37</v>
      </c>
      <c r="V180" s="3" t="s">
        <v>145</v>
      </c>
    </row>
    <row r="181" spans="1:22" x14ac:dyDescent="0.25">
      <c r="A181" s="3" t="s">
        <v>22</v>
      </c>
      <c r="B181" s="4" t="s">
        <v>632</v>
      </c>
      <c r="C181" s="3" t="s">
        <v>633</v>
      </c>
      <c r="D181" s="5" t="s">
        <v>154</v>
      </c>
      <c r="E181" s="3" t="s">
        <v>139</v>
      </c>
      <c r="F181" s="3" t="s">
        <v>686</v>
      </c>
      <c r="G181" s="3" t="s">
        <v>247</v>
      </c>
      <c r="H181" s="3" t="s">
        <v>29</v>
      </c>
      <c r="I181" s="3" t="s">
        <v>296</v>
      </c>
      <c r="J181" s="3" t="s">
        <v>687</v>
      </c>
      <c r="K181" s="3" t="s">
        <v>32</v>
      </c>
      <c r="L181" s="3" t="s">
        <v>33</v>
      </c>
      <c r="M181" s="3" t="s">
        <v>69</v>
      </c>
      <c r="N181" s="3" t="s">
        <v>79</v>
      </c>
      <c r="O181" s="3" t="s">
        <v>54</v>
      </c>
      <c r="P181" s="3" t="s">
        <v>55</v>
      </c>
      <c r="Q181" s="3" t="s">
        <v>37</v>
      </c>
      <c r="R181" s="3" t="s">
        <v>39</v>
      </c>
      <c r="S181" s="3" t="s">
        <v>688</v>
      </c>
      <c r="T181" s="3"/>
      <c r="U181" s="3" t="s">
        <v>37</v>
      </c>
      <c r="V181" s="3" t="s">
        <v>145</v>
      </c>
    </row>
    <row r="182" spans="1:22" x14ac:dyDescent="0.25">
      <c r="A182" s="3" t="s">
        <v>22</v>
      </c>
      <c r="B182" s="4" t="s">
        <v>632</v>
      </c>
      <c r="C182" s="3" t="s">
        <v>633</v>
      </c>
      <c r="D182" s="5" t="s">
        <v>168</v>
      </c>
      <c r="E182" s="3" t="s">
        <v>47</v>
      </c>
      <c r="F182" s="3" t="s">
        <v>689</v>
      </c>
      <c r="G182" s="3" t="s">
        <v>507</v>
      </c>
      <c r="H182" s="3" t="s">
        <v>60</v>
      </c>
      <c r="I182" s="3" t="s">
        <v>51</v>
      </c>
      <c r="J182" s="3" t="s">
        <v>690</v>
      </c>
      <c r="K182" s="3" t="s">
        <v>32</v>
      </c>
      <c r="L182" s="3" t="s">
        <v>33</v>
      </c>
      <c r="M182" s="3" t="s">
        <v>34</v>
      </c>
      <c r="N182" s="3" t="s">
        <v>62</v>
      </c>
      <c r="O182" s="3" t="s">
        <v>54</v>
      </c>
      <c r="P182" s="3" t="s">
        <v>55</v>
      </c>
      <c r="Q182" s="3" t="s">
        <v>37</v>
      </c>
      <c r="R182" s="3" t="s">
        <v>39</v>
      </c>
      <c r="S182" s="3" t="s">
        <v>691</v>
      </c>
      <c r="T182" s="3"/>
      <c r="U182" s="3" t="s">
        <v>37</v>
      </c>
      <c r="V182" s="3" t="s">
        <v>37</v>
      </c>
    </row>
    <row r="183" spans="1:22" x14ac:dyDescent="0.25">
      <c r="A183" s="3" t="s">
        <v>22</v>
      </c>
      <c r="B183" s="4" t="s">
        <v>632</v>
      </c>
      <c r="C183" s="3" t="s">
        <v>633</v>
      </c>
      <c r="D183" s="5" t="s">
        <v>172</v>
      </c>
      <c r="E183" s="3" t="s">
        <v>47</v>
      </c>
      <c r="F183" s="3" t="s">
        <v>692</v>
      </c>
      <c r="G183" s="3" t="s">
        <v>628</v>
      </c>
      <c r="H183" s="3" t="s">
        <v>60</v>
      </c>
      <c r="I183" s="3" t="s">
        <v>51</v>
      </c>
      <c r="J183" s="3" t="s">
        <v>693</v>
      </c>
      <c r="K183" s="3" t="s">
        <v>32</v>
      </c>
      <c r="L183" s="3" t="s">
        <v>33</v>
      </c>
      <c r="M183" s="3" t="s">
        <v>34</v>
      </c>
      <c r="N183" s="3" t="s">
        <v>62</v>
      </c>
      <c r="O183" s="3" t="s">
        <v>54</v>
      </c>
      <c r="P183" s="3" t="s">
        <v>55</v>
      </c>
      <c r="Q183" s="3" t="s">
        <v>37</v>
      </c>
      <c r="R183" s="3" t="s">
        <v>39</v>
      </c>
      <c r="S183" s="3" t="s">
        <v>694</v>
      </c>
      <c r="T183" s="3"/>
      <c r="U183" s="3" t="s">
        <v>37</v>
      </c>
      <c r="V183" s="3" t="s">
        <v>37</v>
      </c>
    </row>
    <row r="184" spans="1:22" x14ac:dyDescent="0.25">
      <c r="A184" s="3" t="s">
        <v>22</v>
      </c>
      <c r="B184" s="4" t="s">
        <v>632</v>
      </c>
      <c r="C184" s="3" t="s">
        <v>633</v>
      </c>
      <c r="D184" s="5" t="s">
        <v>176</v>
      </c>
      <c r="E184" s="3" t="s">
        <v>453</v>
      </c>
      <c r="F184" s="3" t="s">
        <v>695</v>
      </c>
      <c r="G184" s="3" t="s">
        <v>443</v>
      </c>
      <c r="H184" s="3" t="s">
        <v>60</v>
      </c>
      <c r="I184" s="3" t="s">
        <v>37</v>
      </c>
      <c r="J184" s="3" t="s">
        <v>37</v>
      </c>
      <c r="K184" s="3" t="s">
        <v>32</v>
      </c>
      <c r="L184" s="3" t="s">
        <v>33</v>
      </c>
      <c r="M184" s="3" t="s">
        <v>69</v>
      </c>
      <c r="N184" s="3" t="s">
        <v>159</v>
      </c>
      <c r="O184" s="3" t="s">
        <v>37</v>
      </c>
      <c r="P184" s="3" t="s">
        <v>37</v>
      </c>
      <c r="Q184" s="3" t="s">
        <v>37</v>
      </c>
      <c r="R184" s="3" t="s">
        <v>39</v>
      </c>
      <c r="S184" s="3" t="s">
        <v>696</v>
      </c>
      <c r="T184" s="3" t="s">
        <v>126</v>
      </c>
      <c r="U184" s="3" t="s">
        <v>37</v>
      </c>
      <c r="V184" s="3" t="s">
        <v>37</v>
      </c>
    </row>
    <row r="185" spans="1:22" x14ac:dyDescent="0.25">
      <c r="A185" s="3" t="s">
        <v>22</v>
      </c>
      <c r="B185" s="4" t="s">
        <v>632</v>
      </c>
      <c r="C185" s="3" t="s">
        <v>633</v>
      </c>
      <c r="D185" s="5" t="s">
        <v>183</v>
      </c>
      <c r="E185" s="3" t="s">
        <v>453</v>
      </c>
      <c r="F185" s="3" t="s">
        <v>697</v>
      </c>
      <c r="G185" s="3" t="s">
        <v>582</v>
      </c>
      <c r="H185" s="3" t="s">
        <v>60</v>
      </c>
      <c r="I185" s="3" t="s">
        <v>37</v>
      </c>
      <c r="J185" s="3" t="s">
        <v>698</v>
      </c>
      <c r="K185" s="3" t="s">
        <v>32</v>
      </c>
      <c r="L185" s="3" t="s">
        <v>33</v>
      </c>
      <c r="M185" s="3" t="s">
        <v>69</v>
      </c>
      <c r="N185" s="3" t="s">
        <v>159</v>
      </c>
      <c r="O185" s="3" t="s">
        <v>54</v>
      </c>
      <c r="P185" s="3" t="s">
        <v>37</v>
      </c>
      <c r="Q185" s="3" t="s">
        <v>37</v>
      </c>
      <c r="R185" s="3" t="s">
        <v>39</v>
      </c>
      <c r="S185" s="3" t="s">
        <v>699</v>
      </c>
      <c r="T185" s="3"/>
      <c r="U185" s="3" t="s">
        <v>37</v>
      </c>
      <c r="V185" s="3" t="s">
        <v>37</v>
      </c>
    </row>
    <row r="186" spans="1:22" x14ac:dyDescent="0.25">
      <c r="A186" s="3" t="s">
        <v>22</v>
      </c>
      <c r="B186" s="4" t="s">
        <v>632</v>
      </c>
      <c r="C186" s="3" t="s">
        <v>633</v>
      </c>
      <c r="D186" s="5" t="s">
        <v>189</v>
      </c>
      <c r="E186" s="3" t="s">
        <v>47</v>
      </c>
      <c r="F186" s="3" t="s">
        <v>700</v>
      </c>
      <c r="G186" s="3" t="s">
        <v>290</v>
      </c>
      <c r="H186" s="3" t="s">
        <v>29</v>
      </c>
      <c r="I186" s="3" t="s">
        <v>51</v>
      </c>
      <c r="J186" s="3" t="s">
        <v>701</v>
      </c>
      <c r="K186" s="3" t="s">
        <v>32</v>
      </c>
      <c r="L186" s="3" t="s">
        <v>33</v>
      </c>
      <c r="M186" s="3" t="s">
        <v>34</v>
      </c>
      <c r="N186" s="3" t="s">
        <v>131</v>
      </c>
      <c r="O186" s="3" t="s">
        <v>54</v>
      </c>
      <c r="P186" s="3" t="s">
        <v>55</v>
      </c>
      <c r="Q186" s="3" t="s">
        <v>38</v>
      </c>
      <c r="R186" s="3" t="s">
        <v>39</v>
      </c>
      <c r="S186" s="3" t="s">
        <v>702</v>
      </c>
      <c r="T186" s="3"/>
      <c r="U186" s="3" t="s">
        <v>37</v>
      </c>
      <c r="V186" s="3" t="s">
        <v>37</v>
      </c>
    </row>
    <row r="187" spans="1:22" x14ac:dyDescent="0.25">
      <c r="A187" s="3" t="s">
        <v>22</v>
      </c>
      <c r="B187" s="4" t="s">
        <v>632</v>
      </c>
      <c r="C187" s="3" t="s">
        <v>633</v>
      </c>
      <c r="D187" s="5" t="s">
        <v>328</v>
      </c>
      <c r="E187" s="3" t="s">
        <v>47</v>
      </c>
      <c r="F187" s="3" t="s">
        <v>703</v>
      </c>
      <c r="G187" s="3" t="s">
        <v>295</v>
      </c>
      <c r="H187" s="3" t="s">
        <v>29</v>
      </c>
      <c r="I187" s="3" t="s">
        <v>51</v>
      </c>
      <c r="J187" s="3" t="s">
        <v>704</v>
      </c>
      <c r="K187" s="3" t="s">
        <v>32</v>
      </c>
      <c r="L187" s="3" t="s">
        <v>33</v>
      </c>
      <c r="M187" s="3" t="s">
        <v>34</v>
      </c>
      <c r="N187" s="3" t="s">
        <v>131</v>
      </c>
      <c r="O187" s="3" t="s">
        <v>54</v>
      </c>
      <c r="P187" s="3" t="s">
        <v>55</v>
      </c>
      <c r="Q187" s="3" t="s">
        <v>38</v>
      </c>
      <c r="R187" s="3" t="s">
        <v>39</v>
      </c>
      <c r="S187" s="3" t="s">
        <v>705</v>
      </c>
      <c r="T187" s="3"/>
      <c r="U187" s="3" t="s">
        <v>37</v>
      </c>
      <c r="V187" s="3" t="s">
        <v>37</v>
      </c>
    </row>
    <row r="188" spans="1:22" x14ac:dyDescent="0.25">
      <c r="A188" s="3" t="s">
        <v>22</v>
      </c>
      <c r="B188" s="4" t="s">
        <v>632</v>
      </c>
      <c r="C188" s="3" t="s">
        <v>633</v>
      </c>
      <c r="D188" s="5" t="s">
        <v>329</v>
      </c>
      <c r="E188" s="3" t="s">
        <v>47</v>
      </c>
      <c r="F188" s="3" t="s">
        <v>706</v>
      </c>
      <c r="G188" s="3" t="s">
        <v>163</v>
      </c>
      <c r="H188" s="3" t="s">
        <v>29</v>
      </c>
      <c r="I188" s="3" t="s">
        <v>51</v>
      </c>
      <c r="J188" s="3" t="s">
        <v>707</v>
      </c>
      <c r="K188" s="3" t="s">
        <v>32</v>
      </c>
      <c r="L188" s="3" t="s">
        <v>33</v>
      </c>
      <c r="M188" s="3" t="s">
        <v>34</v>
      </c>
      <c r="N188" s="3" t="s">
        <v>131</v>
      </c>
      <c r="O188" s="3" t="s">
        <v>54</v>
      </c>
      <c r="P188" s="3" t="s">
        <v>37</v>
      </c>
      <c r="Q188" s="3" t="s">
        <v>37</v>
      </c>
      <c r="R188" s="3" t="s">
        <v>39</v>
      </c>
      <c r="S188" s="3" t="s">
        <v>708</v>
      </c>
      <c r="T188" s="3"/>
      <c r="U188" s="3" t="s">
        <v>37</v>
      </c>
      <c r="V188" s="3" t="s">
        <v>37</v>
      </c>
    </row>
    <row r="189" spans="1:22" x14ac:dyDescent="0.25">
      <c r="A189" s="3" t="s">
        <v>22</v>
      </c>
      <c r="B189" s="4" t="s">
        <v>632</v>
      </c>
      <c r="C189" s="3" t="s">
        <v>633</v>
      </c>
      <c r="D189" s="5" t="s">
        <v>333</v>
      </c>
      <c r="E189" s="3" t="s">
        <v>74</v>
      </c>
      <c r="F189" s="3" t="s">
        <v>709</v>
      </c>
      <c r="G189" s="3" t="s">
        <v>93</v>
      </c>
      <c r="H189" s="3" t="s">
        <v>50</v>
      </c>
      <c r="I189" s="3" t="s">
        <v>37</v>
      </c>
      <c r="J189" s="3" t="s">
        <v>710</v>
      </c>
      <c r="K189" s="3" t="s">
        <v>32</v>
      </c>
      <c r="L189" s="3" t="s">
        <v>33</v>
      </c>
      <c r="M189" s="3" t="s">
        <v>69</v>
      </c>
      <c r="N189" s="3" t="s">
        <v>159</v>
      </c>
      <c r="O189" s="3" t="s">
        <v>54</v>
      </c>
      <c r="P189" s="3" t="s">
        <v>55</v>
      </c>
      <c r="Q189" s="3" t="s">
        <v>37</v>
      </c>
      <c r="R189" s="3" t="s">
        <v>39</v>
      </c>
      <c r="S189" s="3" t="s">
        <v>711</v>
      </c>
      <c r="T189" s="3"/>
      <c r="U189" s="3" t="s">
        <v>37</v>
      </c>
      <c r="V189" s="3" t="s">
        <v>37</v>
      </c>
    </row>
    <row r="190" spans="1:22" x14ac:dyDescent="0.25">
      <c r="A190" s="3" t="s">
        <v>22</v>
      </c>
      <c r="B190" s="4" t="s">
        <v>632</v>
      </c>
      <c r="C190" s="3" t="s">
        <v>633</v>
      </c>
      <c r="D190" s="5" t="s">
        <v>337</v>
      </c>
      <c r="E190" s="3" t="s">
        <v>74</v>
      </c>
      <c r="F190" s="3" t="s">
        <v>712</v>
      </c>
      <c r="G190" s="3" t="s">
        <v>713</v>
      </c>
      <c r="H190" s="3" t="s">
        <v>50</v>
      </c>
      <c r="I190" s="3" t="s">
        <v>37</v>
      </c>
      <c r="J190" s="3" t="s">
        <v>714</v>
      </c>
      <c r="K190" s="3" t="s">
        <v>32</v>
      </c>
      <c r="L190" s="3" t="s">
        <v>33</v>
      </c>
      <c r="M190" s="3" t="s">
        <v>69</v>
      </c>
      <c r="N190" s="3" t="s">
        <v>159</v>
      </c>
      <c r="O190" s="3" t="s">
        <v>54</v>
      </c>
      <c r="P190" s="3" t="s">
        <v>55</v>
      </c>
      <c r="Q190" s="3" t="s">
        <v>37</v>
      </c>
      <c r="R190" s="3" t="s">
        <v>39</v>
      </c>
      <c r="S190" s="3" t="s">
        <v>715</v>
      </c>
      <c r="T190" s="3"/>
      <c r="U190" s="3" t="s">
        <v>37</v>
      </c>
      <c r="V190" s="3" t="s">
        <v>37</v>
      </c>
    </row>
    <row r="191" spans="1:22" x14ac:dyDescent="0.25">
      <c r="A191" s="3" t="s">
        <v>22</v>
      </c>
      <c r="B191" s="4" t="s">
        <v>632</v>
      </c>
      <c r="C191" s="3" t="s">
        <v>633</v>
      </c>
      <c r="D191" s="5" t="s">
        <v>477</v>
      </c>
      <c r="E191" s="3" t="s">
        <v>478</v>
      </c>
      <c r="F191" s="3" t="s">
        <v>716</v>
      </c>
      <c r="G191" s="3" t="s">
        <v>455</v>
      </c>
      <c r="H191" s="3" t="s">
        <v>60</v>
      </c>
      <c r="I191" s="3" t="s">
        <v>481</v>
      </c>
      <c r="J191" s="3" t="s">
        <v>717</v>
      </c>
      <c r="K191" s="3" t="s">
        <v>32</v>
      </c>
      <c r="L191" s="3" t="s">
        <v>33</v>
      </c>
      <c r="M191" s="3" t="s">
        <v>34</v>
      </c>
      <c r="N191" s="3" t="s">
        <v>79</v>
      </c>
      <c r="O191" s="3" t="s">
        <v>113</v>
      </c>
      <c r="P191" s="3" t="s">
        <v>37</v>
      </c>
      <c r="Q191" s="3" t="s">
        <v>37</v>
      </c>
      <c r="R191" s="3" t="s">
        <v>39</v>
      </c>
      <c r="S191" s="3" t="s">
        <v>718</v>
      </c>
      <c r="T191" s="3"/>
      <c r="U191" s="3" t="s">
        <v>37</v>
      </c>
      <c r="V191" s="3" t="s">
        <v>37</v>
      </c>
    </row>
    <row r="192" spans="1:22" x14ac:dyDescent="0.25">
      <c r="A192" s="3" t="s">
        <v>22</v>
      </c>
      <c r="B192" s="4" t="s">
        <v>632</v>
      </c>
      <c r="C192" s="3" t="s">
        <v>633</v>
      </c>
      <c r="D192" s="5" t="s">
        <v>484</v>
      </c>
      <c r="E192" s="3" t="s">
        <v>478</v>
      </c>
      <c r="F192" s="3" t="s">
        <v>719</v>
      </c>
      <c r="G192" s="3" t="s">
        <v>76</v>
      </c>
      <c r="H192" s="3" t="s">
        <v>60</v>
      </c>
      <c r="I192" s="3" t="s">
        <v>481</v>
      </c>
      <c r="J192" s="3" t="s">
        <v>720</v>
      </c>
      <c r="K192" s="3" t="s">
        <v>32</v>
      </c>
      <c r="L192" s="3" t="s">
        <v>37</v>
      </c>
      <c r="M192" s="3" t="s">
        <v>34</v>
      </c>
      <c r="N192" s="3" t="s">
        <v>79</v>
      </c>
      <c r="O192" s="3" t="s">
        <v>113</v>
      </c>
      <c r="P192" s="3" t="s">
        <v>37</v>
      </c>
      <c r="Q192" s="3" t="s">
        <v>37</v>
      </c>
      <c r="R192" s="3" t="s">
        <v>39</v>
      </c>
      <c r="S192" s="3" t="s">
        <v>721</v>
      </c>
      <c r="T192" s="3"/>
      <c r="U192" s="3" t="s">
        <v>37</v>
      </c>
      <c r="V192" s="3" t="s">
        <v>37</v>
      </c>
    </row>
    <row r="193" spans="1:22" x14ac:dyDescent="0.25">
      <c r="A193" s="3" t="s">
        <v>22</v>
      </c>
      <c r="B193" s="4" t="s">
        <v>632</v>
      </c>
      <c r="C193" s="3" t="s">
        <v>633</v>
      </c>
      <c r="D193" s="5" t="s">
        <v>207</v>
      </c>
      <c r="E193" s="3" t="s">
        <v>177</v>
      </c>
      <c r="F193" s="3" t="s">
        <v>722</v>
      </c>
      <c r="G193" s="3" t="s">
        <v>480</v>
      </c>
      <c r="H193" s="3" t="s">
        <v>60</v>
      </c>
      <c r="I193" s="3" t="s">
        <v>723</v>
      </c>
      <c r="J193" s="3" t="s">
        <v>724</v>
      </c>
      <c r="K193" s="3" t="s">
        <v>32</v>
      </c>
      <c r="L193" s="3" t="s">
        <v>106</v>
      </c>
      <c r="M193" s="3" t="s">
        <v>69</v>
      </c>
      <c r="N193" s="3" t="s">
        <v>62</v>
      </c>
      <c r="O193" s="3" t="s">
        <v>36</v>
      </c>
      <c r="P193" s="3" t="s">
        <v>37</v>
      </c>
      <c r="Q193" s="3" t="s">
        <v>37</v>
      </c>
      <c r="R193" s="3" t="s">
        <v>39</v>
      </c>
      <c r="S193" s="3" t="s">
        <v>725</v>
      </c>
      <c r="T193" s="3"/>
      <c r="U193" s="3" t="s">
        <v>37</v>
      </c>
      <c r="V193" s="3" t="s">
        <v>37</v>
      </c>
    </row>
    <row r="194" spans="1:22" x14ac:dyDescent="0.25">
      <c r="A194" s="3" t="s">
        <v>22</v>
      </c>
      <c r="B194" s="4" t="s">
        <v>632</v>
      </c>
      <c r="C194" s="3" t="s">
        <v>633</v>
      </c>
      <c r="D194" s="5" t="s">
        <v>493</v>
      </c>
      <c r="E194" s="3" t="s">
        <v>177</v>
      </c>
      <c r="F194" s="3" t="s">
        <v>726</v>
      </c>
      <c r="G194" s="3" t="s">
        <v>486</v>
      </c>
      <c r="H194" s="3" t="s">
        <v>60</v>
      </c>
      <c r="I194" s="3" t="s">
        <v>727</v>
      </c>
      <c r="J194" s="3" t="s">
        <v>728</v>
      </c>
      <c r="K194" s="3" t="s">
        <v>32</v>
      </c>
      <c r="L194" s="3" t="s">
        <v>106</v>
      </c>
      <c r="M194" s="3" t="s">
        <v>69</v>
      </c>
      <c r="N194" s="3" t="s">
        <v>62</v>
      </c>
      <c r="O194" s="3" t="s">
        <v>54</v>
      </c>
      <c r="P194" s="3" t="s">
        <v>37</v>
      </c>
      <c r="Q194" s="3" t="s">
        <v>37</v>
      </c>
      <c r="R194" s="3" t="s">
        <v>39</v>
      </c>
      <c r="S194" s="3" t="s">
        <v>729</v>
      </c>
      <c r="T194" s="3"/>
      <c r="U194" s="3" t="s">
        <v>37</v>
      </c>
      <c r="V194" s="3" t="s">
        <v>37</v>
      </c>
    </row>
    <row r="195" spans="1:22" x14ac:dyDescent="0.25">
      <c r="A195" s="3" t="s">
        <v>22</v>
      </c>
      <c r="B195" s="4" t="s">
        <v>632</v>
      </c>
      <c r="C195" s="3" t="s">
        <v>633</v>
      </c>
      <c r="D195" s="5" t="s">
        <v>215</v>
      </c>
      <c r="E195" s="3" t="s">
        <v>498</v>
      </c>
      <c r="F195" s="3" t="s">
        <v>730</v>
      </c>
      <c r="G195" s="3" t="s">
        <v>141</v>
      </c>
      <c r="H195" s="3" t="s">
        <v>29</v>
      </c>
      <c r="I195" s="3" t="s">
        <v>37</v>
      </c>
      <c r="J195" s="3" t="s">
        <v>731</v>
      </c>
      <c r="K195" s="3" t="s">
        <v>32</v>
      </c>
      <c r="L195" s="3" t="s">
        <v>106</v>
      </c>
      <c r="M195" s="3" t="s">
        <v>69</v>
      </c>
      <c r="N195" s="3" t="s">
        <v>53</v>
      </c>
      <c r="O195" s="3" t="s">
        <v>54</v>
      </c>
      <c r="P195" s="3" t="s">
        <v>37</v>
      </c>
      <c r="Q195" s="3" t="s">
        <v>37</v>
      </c>
      <c r="R195" s="3" t="s">
        <v>39</v>
      </c>
      <c r="S195" s="3" t="s">
        <v>732</v>
      </c>
      <c r="T195" s="3"/>
      <c r="U195" s="3" t="s">
        <v>37</v>
      </c>
      <c r="V195" s="3" t="s">
        <v>37</v>
      </c>
    </row>
    <row r="196" spans="1:22" x14ac:dyDescent="0.25">
      <c r="A196" s="3" t="s">
        <v>22</v>
      </c>
      <c r="B196" s="4" t="s">
        <v>632</v>
      </c>
      <c r="C196" s="3" t="s">
        <v>633</v>
      </c>
      <c r="D196" s="5" t="s">
        <v>216</v>
      </c>
      <c r="E196" s="3" t="s">
        <v>498</v>
      </c>
      <c r="F196" s="3" t="s">
        <v>733</v>
      </c>
      <c r="G196" s="3" t="s">
        <v>148</v>
      </c>
      <c r="H196" s="3" t="s">
        <v>29</v>
      </c>
      <c r="I196" s="3" t="s">
        <v>37</v>
      </c>
      <c r="J196" s="3" t="s">
        <v>734</v>
      </c>
      <c r="K196" s="3" t="s">
        <v>32</v>
      </c>
      <c r="L196" s="3" t="s">
        <v>106</v>
      </c>
      <c r="M196" s="3" t="s">
        <v>69</v>
      </c>
      <c r="N196" s="3" t="s">
        <v>53</v>
      </c>
      <c r="O196" s="3" t="s">
        <v>54</v>
      </c>
      <c r="P196" s="3" t="s">
        <v>55</v>
      </c>
      <c r="Q196" s="3" t="s">
        <v>37</v>
      </c>
      <c r="R196" s="3" t="s">
        <v>39</v>
      </c>
      <c r="S196" s="3" t="s">
        <v>735</v>
      </c>
      <c r="T196" s="3"/>
      <c r="U196" s="3" t="s">
        <v>37</v>
      </c>
      <c r="V196" s="3" t="s">
        <v>37</v>
      </c>
    </row>
    <row r="197" spans="1:22" x14ac:dyDescent="0.25">
      <c r="A197" s="3" t="s">
        <v>22</v>
      </c>
      <c r="B197" s="4" t="s">
        <v>632</v>
      </c>
      <c r="C197" s="3" t="s">
        <v>633</v>
      </c>
      <c r="D197" s="5" t="s">
        <v>217</v>
      </c>
      <c r="E197" s="3" t="s">
        <v>505</v>
      </c>
      <c r="F197" s="3" t="s">
        <v>736</v>
      </c>
      <c r="G197" s="3" t="s">
        <v>186</v>
      </c>
      <c r="H197" s="3" t="s">
        <v>29</v>
      </c>
      <c r="I197" s="3" t="s">
        <v>737</v>
      </c>
      <c r="J197" s="3" t="s">
        <v>738</v>
      </c>
      <c r="K197" s="3" t="s">
        <v>32</v>
      </c>
      <c r="L197" s="3" t="s">
        <v>106</v>
      </c>
      <c r="M197" s="3" t="s">
        <v>510</v>
      </c>
      <c r="N197" s="3" t="s">
        <v>511</v>
      </c>
      <c r="O197" s="3" t="s">
        <v>512</v>
      </c>
      <c r="P197" s="3" t="s">
        <v>55</v>
      </c>
      <c r="Q197" s="3" t="s">
        <v>38</v>
      </c>
      <c r="R197" s="3" t="s">
        <v>39</v>
      </c>
      <c r="S197" s="3" t="s">
        <v>739</v>
      </c>
      <c r="T197" s="3"/>
      <c r="U197" s="3" t="s">
        <v>37</v>
      </c>
      <c r="V197" s="3" t="s">
        <v>37</v>
      </c>
    </row>
    <row r="198" spans="1:22" x14ac:dyDescent="0.25">
      <c r="A198" s="3"/>
      <c r="B198" s="4"/>
      <c r="C198" s="3"/>
      <c r="D198" s="5"/>
      <c r="E198" s="6" t="s">
        <v>225</v>
      </c>
      <c r="F198" s="3"/>
      <c r="G198" s="3"/>
      <c r="H198" s="3"/>
      <c r="I198" s="3"/>
      <c r="J198" s="3"/>
      <c r="K198" s="3"/>
      <c r="L198" s="3"/>
      <c r="M198" s="3"/>
      <c r="N198" s="3"/>
      <c r="O198" s="3"/>
      <c r="P198" s="3"/>
      <c r="Q198" s="3"/>
      <c r="R198" s="3"/>
      <c r="S198" s="3"/>
      <c r="T198" s="3"/>
      <c r="U198" s="3"/>
      <c r="V198" s="3"/>
    </row>
    <row r="199" spans="1:22" x14ac:dyDescent="0.25">
      <c r="A199" s="3"/>
      <c r="B199" s="4"/>
      <c r="C199" s="3"/>
      <c r="D199" s="5"/>
      <c r="E199" s="6"/>
      <c r="F199" s="3"/>
      <c r="G199" s="3"/>
      <c r="H199" s="3"/>
      <c r="I199" s="3"/>
      <c r="J199" s="3"/>
      <c r="K199" s="3"/>
      <c r="L199" s="3"/>
      <c r="M199" s="3"/>
      <c r="N199" s="3"/>
      <c r="O199" s="3"/>
      <c r="P199" s="3"/>
      <c r="Q199" s="3"/>
      <c r="R199" s="3"/>
      <c r="S199" s="3"/>
      <c r="T199" s="3"/>
      <c r="U199" s="3"/>
      <c r="V199" s="3"/>
    </row>
    <row r="200" spans="1:22" x14ac:dyDescent="0.25">
      <c r="A200" s="3"/>
      <c r="B200" s="4"/>
      <c r="C200" s="3"/>
      <c r="D200" s="5"/>
      <c r="E200" s="3"/>
      <c r="F200" s="3"/>
      <c r="G200" s="3"/>
      <c r="H200" s="3"/>
      <c r="I200" s="3"/>
      <c r="J200" s="3"/>
      <c r="K200" s="3"/>
      <c r="L200" s="3"/>
      <c r="M200" s="3"/>
      <c r="N200" s="3"/>
      <c r="O200" s="3"/>
      <c r="P200" s="3"/>
      <c r="Q200" s="3"/>
      <c r="R200" s="3"/>
      <c r="S200" s="3"/>
      <c r="T200" s="3"/>
      <c r="U200" s="3"/>
      <c r="V200" s="3"/>
    </row>
    <row r="201" spans="1:22" x14ac:dyDescent="0.25">
      <c r="A201" s="3" t="s">
        <v>22</v>
      </c>
      <c r="B201" s="4" t="s">
        <v>740</v>
      </c>
      <c r="C201" s="3" t="s">
        <v>741</v>
      </c>
      <c r="D201" s="5" t="s">
        <v>25</v>
      </c>
      <c r="E201" s="3" t="s">
        <v>139</v>
      </c>
      <c r="F201" s="3" t="s">
        <v>742</v>
      </c>
      <c r="G201" s="3" t="s">
        <v>43</v>
      </c>
      <c r="H201" s="3" t="s">
        <v>29</v>
      </c>
      <c r="I201" s="3" t="s">
        <v>296</v>
      </c>
      <c r="J201" s="3" t="s">
        <v>743</v>
      </c>
      <c r="K201" s="3" t="s">
        <v>32</v>
      </c>
      <c r="L201" s="3" t="s">
        <v>33</v>
      </c>
      <c r="M201" s="3" t="s">
        <v>69</v>
      </c>
      <c r="N201" s="3" t="s">
        <v>79</v>
      </c>
      <c r="O201" s="3" t="s">
        <v>54</v>
      </c>
      <c r="P201" s="3" t="s">
        <v>37</v>
      </c>
      <c r="Q201" s="3" t="s">
        <v>37</v>
      </c>
      <c r="R201" s="3" t="s">
        <v>39</v>
      </c>
      <c r="S201" s="3" t="s">
        <v>744</v>
      </c>
      <c r="T201" s="3"/>
      <c r="U201" s="3" t="s">
        <v>37</v>
      </c>
      <c r="V201" s="3" t="s">
        <v>37</v>
      </c>
    </row>
    <row r="202" spans="1:22" x14ac:dyDescent="0.25">
      <c r="A202" s="3" t="s">
        <v>22</v>
      </c>
      <c r="B202" s="4" t="s">
        <v>740</v>
      </c>
      <c r="C202" s="3" t="s">
        <v>741</v>
      </c>
      <c r="D202" s="5" t="s">
        <v>41</v>
      </c>
      <c r="E202" s="3" t="s">
        <v>139</v>
      </c>
      <c r="F202" s="3" t="s">
        <v>368</v>
      </c>
      <c r="G202" s="3" t="s">
        <v>369</v>
      </c>
      <c r="H202" s="3" t="s">
        <v>29</v>
      </c>
      <c r="I202" s="3" t="s">
        <v>296</v>
      </c>
      <c r="J202" s="3" t="s">
        <v>370</v>
      </c>
      <c r="K202" s="3" t="s">
        <v>32</v>
      </c>
      <c r="L202" s="3" t="s">
        <v>33</v>
      </c>
      <c r="M202" s="3" t="s">
        <v>69</v>
      </c>
      <c r="N202" s="3" t="s">
        <v>79</v>
      </c>
      <c r="O202" s="3" t="s">
        <v>54</v>
      </c>
      <c r="P202" s="3" t="s">
        <v>37</v>
      </c>
      <c r="Q202" s="3" t="s">
        <v>37</v>
      </c>
      <c r="R202" s="3" t="s">
        <v>39</v>
      </c>
      <c r="S202" s="3" t="s">
        <v>371</v>
      </c>
      <c r="T202" s="3"/>
      <c r="U202" s="3" t="s">
        <v>37</v>
      </c>
      <c r="V202" s="3" t="s">
        <v>145</v>
      </c>
    </row>
    <row r="203" spans="1:22" x14ac:dyDescent="0.25">
      <c r="A203" s="3" t="s">
        <v>22</v>
      </c>
      <c r="B203" s="4" t="s">
        <v>740</v>
      </c>
      <c r="C203" s="3" t="s">
        <v>741</v>
      </c>
      <c r="D203" s="5" t="s">
        <v>46</v>
      </c>
      <c r="E203" s="3" t="s">
        <v>47</v>
      </c>
      <c r="F203" s="3" t="s">
        <v>700</v>
      </c>
      <c r="G203" s="3" t="s">
        <v>290</v>
      </c>
      <c r="H203" s="3" t="s">
        <v>29</v>
      </c>
      <c r="I203" s="3" t="s">
        <v>51</v>
      </c>
      <c r="J203" s="3" t="s">
        <v>701</v>
      </c>
      <c r="K203" s="3" t="s">
        <v>32</v>
      </c>
      <c r="L203" s="3" t="s">
        <v>33</v>
      </c>
      <c r="M203" s="3" t="s">
        <v>34</v>
      </c>
      <c r="N203" s="3" t="s">
        <v>131</v>
      </c>
      <c r="O203" s="3" t="s">
        <v>54</v>
      </c>
      <c r="P203" s="3" t="s">
        <v>55</v>
      </c>
      <c r="Q203" s="3" t="s">
        <v>38</v>
      </c>
      <c r="R203" s="3" t="s">
        <v>39</v>
      </c>
      <c r="S203" s="3" t="s">
        <v>702</v>
      </c>
      <c r="T203" s="3"/>
      <c r="U203" s="3" t="s">
        <v>37</v>
      </c>
      <c r="V203" s="3" t="s">
        <v>37</v>
      </c>
    </row>
    <row r="204" spans="1:22" x14ac:dyDescent="0.25">
      <c r="A204" s="3" t="s">
        <v>22</v>
      </c>
      <c r="B204" s="4" t="s">
        <v>740</v>
      </c>
      <c r="C204" s="3" t="s">
        <v>741</v>
      </c>
      <c r="D204" s="5" t="s">
        <v>57</v>
      </c>
      <c r="E204" s="3" t="s">
        <v>47</v>
      </c>
      <c r="F204" s="3" t="s">
        <v>703</v>
      </c>
      <c r="G204" s="3" t="s">
        <v>295</v>
      </c>
      <c r="H204" s="3" t="s">
        <v>29</v>
      </c>
      <c r="I204" s="3" t="s">
        <v>51</v>
      </c>
      <c r="J204" s="3" t="s">
        <v>704</v>
      </c>
      <c r="K204" s="3" t="s">
        <v>32</v>
      </c>
      <c r="L204" s="3" t="s">
        <v>33</v>
      </c>
      <c r="M204" s="3" t="s">
        <v>34</v>
      </c>
      <c r="N204" s="3" t="s">
        <v>131</v>
      </c>
      <c r="O204" s="3" t="s">
        <v>54</v>
      </c>
      <c r="P204" s="3" t="s">
        <v>55</v>
      </c>
      <c r="Q204" s="3" t="s">
        <v>38</v>
      </c>
      <c r="R204" s="3" t="s">
        <v>39</v>
      </c>
      <c r="S204" s="3" t="s">
        <v>705</v>
      </c>
      <c r="T204" s="3"/>
      <c r="U204" s="3" t="s">
        <v>37</v>
      </c>
      <c r="V204" s="3" t="s">
        <v>37</v>
      </c>
    </row>
    <row r="205" spans="1:22" x14ac:dyDescent="0.25">
      <c r="A205" s="3" t="s">
        <v>22</v>
      </c>
      <c r="B205" s="4" t="s">
        <v>740</v>
      </c>
      <c r="C205" s="3" t="s">
        <v>741</v>
      </c>
      <c r="D205" s="5" t="s">
        <v>64</v>
      </c>
      <c r="E205" s="3" t="s">
        <v>74</v>
      </c>
      <c r="F205" s="3" t="s">
        <v>602</v>
      </c>
      <c r="G205" s="3" t="s">
        <v>603</v>
      </c>
      <c r="H205" s="3" t="s">
        <v>50</v>
      </c>
      <c r="I205" s="3" t="s">
        <v>37</v>
      </c>
      <c r="J205" s="3" t="s">
        <v>604</v>
      </c>
      <c r="K205" s="3" t="s">
        <v>32</v>
      </c>
      <c r="L205" s="3" t="s">
        <v>33</v>
      </c>
      <c r="M205" s="3" t="s">
        <v>69</v>
      </c>
      <c r="N205" s="3" t="s">
        <v>159</v>
      </c>
      <c r="O205" s="3" t="s">
        <v>54</v>
      </c>
      <c r="P205" s="3" t="s">
        <v>55</v>
      </c>
      <c r="Q205" s="3" t="s">
        <v>37</v>
      </c>
      <c r="R205" s="3" t="s">
        <v>39</v>
      </c>
      <c r="S205" s="3" t="s">
        <v>605</v>
      </c>
      <c r="T205" s="3"/>
      <c r="U205" s="3" t="s">
        <v>37</v>
      </c>
      <c r="V205" s="3" t="s">
        <v>37</v>
      </c>
    </row>
    <row r="206" spans="1:22" x14ac:dyDescent="0.25">
      <c r="A206" s="3" t="s">
        <v>22</v>
      </c>
      <c r="B206" s="4" t="s">
        <v>740</v>
      </c>
      <c r="C206" s="3" t="s">
        <v>741</v>
      </c>
      <c r="D206" s="5" t="s">
        <v>71</v>
      </c>
      <c r="E206" s="3" t="s">
        <v>74</v>
      </c>
      <c r="F206" s="3" t="s">
        <v>709</v>
      </c>
      <c r="G206" s="3" t="s">
        <v>93</v>
      </c>
      <c r="H206" s="3" t="s">
        <v>50</v>
      </c>
      <c r="I206" s="3" t="s">
        <v>37</v>
      </c>
      <c r="J206" s="3" t="s">
        <v>710</v>
      </c>
      <c r="K206" s="3" t="s">
        <v>32</v>
      </c>
      <c r="L206" s="3" t="s">
        <v>33</v>
      </c>
      <c r="M206" s="3" t="s">
        <v>69</v>
      </c>
      <c r="N206" s="3" t="s">
        <v>159</v>
      </c>
      <c r="O206" s="3" t="s">
        <v>54</v>
      </c>
      <c r="P206" s="3" t="s">
        <v>55</v>
      </c>
      <c r="Q206" s="3" t="s">
        <v>37</v>
      </c>
      <c r="R206" s="3" t="s">
        <v>39</v>
      </c>
      <c r="S206" s="3" t="s">
        <v>711</v>
      </c>
      <c r="T206" s="3"/>
      <c r="U206" s="3" t="s">
        <v>37</v>
      </c>
      <c r="V206" s="3" t="s">
        <v>37</v>
      </c>
    </row>
    <row r="207" spans="1:22" x14ac:dyDescent="0.25">
      <c r="A207" s="3" t="s">
        <v>22</v>
      </c>
      <c r="B207" s="4" t="s">
        <v>740</v>
      </c>
      <c r="C207" s="3" t="s">
        <v>741</v>
      </c>
      <c r="D207" s="5" t="s">
        <v>390</v>
      </c>
      <c r="E207" s="3" t="s">
        <v>74</v>
      </c>
      <c r="F207" s="3" t="s">
        <v>712</v>
      </c>
      <c r="G207" s="3" t="s">
        <v>713</v>
      </c>
      <c r="H207" s="3" t="s">
        <v>50</v>
      </c>
      <c r="I207" s="3" t="s">
        <v>37</v>
      </c>
      <c r="J207" s="3" t="s">
        <v>714</v>
      </c>
      <c r="K207" s="3" t="s">
        <v>32</v>
      </c>
      <c r="L207" s="3" t="s">
        <v>33</v>
      </c>
      <c r="M207" s="3" t="s">
        <v>69</v>
      </c>
      <c r="N207" s="3" t="s">
        <v>159</v>
      </c>
      <c r="O207" s="3" t="s">
        <v>54</v>
      </c>
      <c r="P207" s="3" t="s">
        <v>55</v>
      </c>
      <c r="Q207" s="3" t="s">
        <v>37</v>
      </c>
      <c r="R207" s="3" t="s">
        <v>39</v>
      </c>
      <c r="S207" s="3" t="s">
        <v>715</v>
      </c>
      <c r="T207" s="3"/>
      <c r="U207" s="3" t="s">
        <v>37</v>
      </c>
      <c r="V207" s="3" t="s">
        <v>37</v>
      </c>
    </row>
    <row r="208" spans="1:22" x14ac:dyDescent="0.25">
      <c r="A208" s="3" t="s">
        <v>22</v>
      </c>
      <c r="B208" s="4" t="s">
        <v>740</v>
      </c>
      <c r="C208" s="3" t="s">
        <v>741</v>
      </c>
      <c r="D208" s="5" t="s">
        <v>86</v>
      </c>
      <c r="E208" s="3" t="s">
        <v>394</v>
      </c>
      <c r="F208" s="3" t="s">
        <v>745</v>
      </c>
      <c r="G208" s="3" t="s">
        <v>148</v>
      </c>
      <c r="H208" s="3" t="s">
        <v>29</v>
      </c>
      <c r="I208" s="3" t="s">
        <v>396</v>
      </c>
      <c r="J208" s="3" t="s">
        <v>746</v>
      </c>
      <c r="K208" s="3" t="s">
        <v>32</v>
      </c>
      <c r="L208" s="3" t="s">
        <v>33</v>
      </c>
      <c r="M208" s="3" t="s">
        <v>34</v>
      </c>
      <c r="N208" s="3" t="s">
        <v>79</v>
      </c>
      <c r="O208" s="3" t="s">
        <v>36</v>
      </c>
      <c r="P208" s="3" t="s">
        <v>37</v>
      </c>
      <c r="Q208" s="3" t="s">
        <v>37</v>
      </c>
      <c r="R208" s="3" t="s">
        <v>39</v>
      </c>
      <c r="S208" s="3" t="s">
        <v>747</v>
      </c>
      <c r="T208" s="3"/>
      <c r="U208" s="3" t="s">
        <v>37</v>
      </c>
      <c r="V208" s="3" t="s">
        <v>37</v>
      </c>
    </row>
    <row r="209" spans="1:22" x14ac:dyDescent="0.25">
      <c r="A209" s="3" t="s">
        <v>22</v>
      </c>
      <c r="B209" s="4" t="s">
        <v>740</v>
      </c>
      <c r="C209" s="3" t="s">
        <v>741</v>
      </c>
      <c r="D209" s="5" t="s">
        <v>399</v>
      </c>
      <c r="E209" s="3" t="s">
        <v>394</v>
      </c>
      <c r="F209" s="3" t="s">
        <v>748</v>
      </c>
      <c r="G209" s="3" t="s">
        <v>290</v>
      </c>
      <c r="H209" s="3" t="s">
        <v>29</v>
      </c>
      <c r="I209" s="3" t="s">
        <v>401</v>
      </c>
      <c r="J209" s="3" t="s">
        <v>749</v>
      </c>
      <c r="K209" s="3" t="s">
        <v>32</v>
      </c>
      <c r="L209" s="3" t="s">
        <v>33</v>
      </c>
      <c r="M209" s="3" t="s">
        <v>34</v>
      </c>
      <c r="N209" s="3" t="s">
        <v>79</v>
      </c>
      <c r="O209" s="3" t="s">
        <v>36</v>
      </c>
      <c r="P209" s="3" t="s">
        <v>37</v>
      </c>
      <c r="Q209" s="3" t="s">
        <v>37</v>
      </c>
      <c r="R209" s="3" t="s">
        <v>39</v>
      </c>
      <c r="S209" s="3" t="s">
        <v>750</v>
      </c>
      <c r="T209" s="3"/>
      <c r="U209" s="3" t="s">
        <v>37</v>
      </c>
      <c r="V209" s="3" t="s">
        <v>37</v>
      </c>
    </row>
    <row r="210" spans="1:22" x14ac:dyDescent="0.25">
      <c r="A210" s="3" t="s">
        <v>22</v>
      </c>
      <c r="B210" s="4" t="s">
        <v>740</v>
      </c>
      <c r="C210" s="3" t="s">
        <v>741</v>
      </c>
      <c r="D210" s="5" t="s">
        <v>96</v>
      </c>
      <c r="E210" s="3" t="s">
        <v>405</v>
      </c>
      <c r="F210" s="3" t="s">
        <v>751</v>
      </c>
      <c r="G210" s="3" t="s">
        <v>582</v>
      </c>
      <c r="H210" s="3" t="s">
        <v>60</v>
      </c>
      <c r="I210" s="3" t="s">
        <v>37</v>
      </c>
      <c r="J210" s="3" t="s">
        <v>752</v>
      </c>
      <c r="K210" s="3" t="s">
        <v>32</v>
      </c>
      <c r="L210" s="3" t="s">
        <v>33</v>
      </c>
      <c r="M210" s="3" t="s">
        <v>69</v>
      </c>
      <c r="N210" s="3" t="s">
        <v>53</v>
      </c>
      <c r="O210" s="3" t="s">
        <v>287</v>
      </c>
      <c r="P210" s="3" t="s">
        <v>37</v>
      </c>
      <c r="Q210" s="3" t="s">
        <v>37</v>
      </c>
      <c r="R210" s="3" t="s">
        <v>39</v>
      </c>
      <c r="S210" s="3" t="s">
        <v>753</v>
      </c>
      <c r="T210" s="3"/>
      <c r="U210" s="3" t="s">
        <v>37</v>
      </c>
      <c r="V210" s="3" t="s">
        <v>37</v>
      </c>
    </row>
    <row r="211" spans="1:22" x14ac:dyDescent="0.25">
      <c r="A211" s="3" t="s">
        <v>22</v>
      </c>
      <c r="B211" s="4" t="s">
        <v>740</v>
      </c>
      <c r="C211" s="3" t="s">
        <v>741</v>
      </c>
      <c r="D211" s="5" t="s">
        <v>409</v>
      </c>
      <c r="E211" s="3" t="s">
        <v>405</v>
      </c>
      <c r="F211" s="3" t="s">
        <v>754</v>
      </c>
      <c r="G211" s="3" t="s">
        <v>570</v>
      </c>
      <c r="H211" s="3" t="s">
        <v>60</v>
      </c>
      <c r="I211" s="3" t="s">
        <v>37</v>
      </c>
      <c r="J211" s="3" t="s">
        <v>755</v>
      </c>
      <c r="K211" s="3" t="s">
        <v>32</v>
      </c>
      <c r="L211" s="3" t="s">
        <v>33</v>
      </c>
      <c r="M211" s="3" t="s">
        <v>69</v>
      </c>
      <c r="N211" s="3" t="s">
        <v>53</v>
      </c>
      <c r="O211" s="3" t="s">
        <v>287</v>
      </c>
      <c r="P211" s="3" t="s">
        <v>37</v>
      </c>
      <c r="Q211" s="3" t="s">
        <v>37</v>
      </c>
      <c r="R211" s="3" t="s">
        <v>39</v>
      </c>
      <c r="S211" s="3" t="s">
        <v>756</v>
      </c>
      <c r="T211" s="3"/>
      <c r="U211" s="3" t="s">
        <v>37</v>
      </c>
      <c r="V211" s="3" t="s">
        <v>37</v>
      </c>
    </row>
    <row r="212" spans="1:22" x14ac:dyDescent="0.25">
      <c r="A212" s="3" t="s">
        <v>22</v>
      </c>
      <c r="B212" s="4" t="s">
        <v>740</v>
      </c>
      <c r="C212" s="3" t="s">
        <v>741</v>
      </c>
      <c r="D212" s="5" t="s">
        <v>101</v>
      </c>
      <c r="E212" s="3" t="s">
        <v>405</v>
      </c>
      <c r="F212" s="3" t="s">
        <v>757</v>
      </c>
      <c r="G212" s="3" t="s">
        <v>480</v>
      </c>
      <c r="H212" s="3" t="s">
        <v>60</v>
      </c>
      <c r="I212" s="3" t="s">
        <v>37</v>
      </c>
      <c r="J212" s="3" t="s">
        <v>758</v>
      </c>
      <c r="K212" s="3" t="s">
        <v>32</v>
      </c>
      <c r="L212" s="3" t="s">
        <v>33</v>
      </c>
      <c r="M212" s="3" t="s">
        <v>69</v>
      </c>
      <c r="N212" s="3" t="s">
        <v>53</v>
      </c>
      <c r="O212" s="3" t="s">
        <v>287</v>
      </c>
      <c r="P212" s="3" t="s">
        <v>37</v>
      </c>
      <c r="Q212" s="3" t="s">
        <v>37</v>
      </c>
      <c r="R212" s="3" t="s">
        <v>39</v>
      </c>
      <c r="S212" s="3" t="s">
        <v>759</v>
      </c>
      <c r="T212" s="3"/>
      <c r="U212" s="3" t="s">
        <v>37</v>
      </c>
      <c r="V212" s="3" t="s">
        <v>37</v>
      </c>
    </row>
    <row r="213" spans="1:22" x14ac:dyDescent="0.25">
      <c r="A213" s="3" t="s">
        <v>22</v>
      </c>
      <c r="B213" s="4" t="s">
        <v>740</v>
      </c>
      <c r="C213" s="3" t="s">
        <v>741</v>
      </c>
      <c r="D213" s="5" t="s">
        <v>417</v>
      </c>
      <c r="E213" s="3" t="s">
        <v>47</v>
      </c>
      <c r="F213" s="3" t="s">
        <v>450</v>
      </c>
      <c r="G213" s="3" t="s">
        <v>313</v>
      </c>
      <c r="H213" s="3" t="s">
        <v>60</v>
      </c>
      <c r="I213" s="3" t="s">
        <v>51</v>
      </c>
      <c r="J213" s="3" t="s">
        <v>451</v>
      </c>
      <c r="K213" s="3" t="s">
        <v>32</v>
      </c>
      <c r="L213" s="3" t="s">
        <v>33</v>
      </c>
      <c r="M213" s="3" t="s">
        <v>34</v>
      </c>
      <c r="N213" s="3" t="s">
        <v>62</v>
      </c>
      <c r="O213" s="3" t="s">
        <v>54</v>
      </c>
      <c r="P213" s="3" t="s">
        <v>55</v>
      </c>
      <c r="Q213" s="3" t="s">
        <v>37</v>
      </c>
      <c r="R213" s="3" t="s">
        <v>39</v>
      </c>
      <c r="S213" s="3" t="s">
        <v>452</v>
      </c>
      <c r="T213" s="3"/>
      <c r="U213" s="3" t="s">
        <v>37</v>
      </c>
      <c r="V213" s="3" t="s">
        <v>37</v>
      </c>
    </row>
    <row r="214" spans="1:22" x14ac:dyDescent="0.25">
      <c r="A214" s="3" t="s">
        <v>22</v>
      </c>
      <c r="B214" s="4" t="s">
        <v>740</v>
      </c>
      <c r="C214" s="3" t="s">
        <v>741</v>
      </c>
      <c r="D214" s="5" t="s">
        <v>418</v>
      </c>
      <c r="E214" s="3" t="s">
        <v>47</v>
      </c>
      <c r="F214" s="3" t="s">
        <v>581</v>
      </c>
      <c r="G214" s="3" t="s">
        <v>582</v>
      </c>
      <c r="H214" s="3" t="s">
        <v>60</v>
      </c>
      <c r="I214" s="3" t="s">
        <v>51</v>
      </c>
      <c r="J214" s="3" t="s">
        <v>583</v>
      </c>
      <c r="K214" s="3" t="s">
        <v>32</v>
      </c>
      <c r="L214" s="3" t="s">
        <v>33</v>
      </c>
      <c r="M214" s="3" t="s">
        <v>34</v>
      </c>
      <c r="N214" s="3" t="s">
        <v>62</v>
      </c>
      <c r="O214" s="3" t="s">
        <v>54</v>
      </c>
      <c r="P214" s="3" t="s">
        <v>55</v>
      </c>
      <c r="Q214" s="3" t="s">
        <v>37</v>
      </c>
      <c r="R214" s="3" t="s">
        <v>39</v>
      </c>
      <c r="S214" s="3" t="s">
        <v>584</v>
      </c>
      <c r="T214" s="3"/>
      <c r="U214" s="3" t="s">
        <v>37</v>
      </c>
      <c r="V214" s="3" t="s">
        <v>37</v>
      </c>
    </row>
    <row r="215" spans="1:22" x14ac:dyDescent="0.25">
      <c r="A215" s="3" t="s">
        <v>22</v>
      </c>
      <c r="B215" s="4" t="s">
        <v>740</v>
      </c>
      <c r="C215" s="3" t="s">
        <v>741</v>
      </c>
      <c r="D215" s="5" t="s">
        <v>419</v>
      </c>
      <c r="E215" s="3" t="s">
        <v>177</v>
      </c>
      <c r="F215" s="3" t="s">
        <v>760</v>
      </c>
      <c r="G215" s="3" t="s">
        <v>98</v>
      </c>
      <c r="H215" s="3" t="s">
        <v>60</v>
      </c>
      <c r="I215" s="3" t="s">
        <v>761</v>
      </c>
      <c r="J215" s="3" t="s">
        <v>762</v>
      </c>
      <c r="K215" s="3" t="s">
        <v>32</v>
      </c>
      <c r="L215" s="3" t="s">
        <v>106</v>
      </c>
      <c r="M215" s="3" t="s">
        <v>69</v>
      </c>
      <c r="N215" s="3" t="s">
        <v>62</v>
      </c>
      <c r="O215" s="3" t="s">
        <v>36</v>
      </c>
      <c r="P215" s="3" t="s">
        <v>37</v>
      </c>
      <c r="Q215" s="3" t="s">
        <v>37</v>
      </c>
      <c r="R215" s="3" t="s">
        <v>39</v>
      </c>
      <c r="S215" s="3" t="s">
        <v>763</v>
      </c>
      <c r="T215" s="3"/>
      <c r="U215" s="3" t="s">
        <v>37</v>
      </c>
      <c r="V215" s="3" t="s">
        <v>37</v>
      </c>
    </row>
    <row r="216" spans="1:22" x14ac:dyDescent="0.25">
      <c r="A216" s="3" t="s">
        <v>22</v>
      </c>
      <c r="B216" s="4" t="s">
        <v>740</v>
      </c>
      <c r="C216" s="3" t="s">
        <v>741</v>
      </c>
      <c r="D216" s="5" t="s">
        <v>424</v>
      </c>
      <c r="E216" s="3" t="s">
        <v>177</v>
      </c>
      <c r="F216" s="3" t="s">
        <v>764</v>
      </c>
      <c r="G216" s="3" t="s">
        <v>59</v>
      </c>
      <c r="H216" s="3" t="s">
        <v>60</v>
      </c>
      <c r="I216" s="3" t="s">
        <v>765</v>
      </c>
      <c r="J216" s="3" t="s">
        <v>766</v>
      </c>
      <c r="K216" s="3" t="s">
        <v>32</v>
      </c>
      <c r="L216" s="3" t="s">
        <v>106</v>
      </c>
      <c r="M216" s="3" t="s">
        <v>69</v>
      </c>
      <c r="N216" s="3" t="s">
        <v>62</v>
      </c>
      <c r="O216" s="3" t="s">
        <v>54</v>
      </c>
      <c r="P216" s="3" t="s">
        <v>37</v>
      </c>
      <c r="Q216" s="3" t="s">
        <v>37</v>
      </c>
      <c r="R216" s="3" t="s">
        <v>39</v>
      </c>
      <c r="S216" s="3" t="s">
        <v>767</v>
      </c>
      <c r="T216" s="3"/>
      <c r="U216" s="3" t="s">
        <v>37</v>
      </c>
      <c r="V216" s="3" t="s">
        <v>37</v>
      </c>
    </row>
    <row r="217" spans="1:22" x14ac:dyDescent="0.25">
      <c r="A217" s="3" t="s">
        <v>22</v>
      </c>
      <c r="B217" s="4" t="s">
        <v>740</v>
      </c>
      <c r="C217" s="3" t="s">
        <v>741</v>
      </c>
      <c r="D217" s="5" t="s">
        <v>430</v>
      </c>
      <c r="E217" s="3" t="s">
        <v>47</v>
      </c>
      <c r="F217" s="3" t="s">
        <v>128</v>
      </c>
      <c r="G217" s="3" t="s">
        <v>129</v>
      </c>
      <c r="H217" s="3" t="s">
        <v>29</v>
      </c>
      <c r="I217" s="3" t="s">
        <v>51</v>
      </c>
      <c r="J217" s="3" t="s">
        <v>130</v>
      </c>
      <c r="K217" s="3" t="s">
        <v>32</v>
      </c>
      <c r="L217" s="3" t="s">
        <v>33</v>
      </c>
      <c r="M217" s="3" t="s">
        <v>34</v>
      </c>
      <c r="N217" s="3" t="s">
        <v>131</v>
      </c>
      <c r="O217" s="3" t="s">
        <v>54</v>
      </c>
      <c r="P217" s="3" t="s">
        <v>55</v>
      </c>
      <c r="Q217" s="3" t="s">
        <v>38</v>
      </c>
      <c r="R217" s="3" t="s">
        <v>39</v>
      </c>
      <c r="S217" s="3" t="s">
        <v>132</v>
      </c>
      <c r="T217" s="3"/>
      <c r="U217" s="3" t="s">
        <v>37</v>
      </c>
      <c r="V217" s="3" t="s">
        <v>37</v>
      </c>
    </row>
    <row r="218" spans="1:22" x14ac:dyDescent="0.25">
      <c r="A218" s="3" t="s">
        <v>22</v>
      </c>
      <c r="B218" s="4" t="s">
        <v>740</v>
      </c>
      <c r="C218" s="3" t="s">
        <v>741</v>
      </c>
      <c r="D218" s="5" t="s">
        <v>431</v>
      </c>
      <c r="E218" s="3" t="s">
        <v>47</v>
      </c>
      <c r="F218" s="3" t="s">
        <v>134</v>
      </c>
      <c r="G218" s="3" t="s">
        <v>135</v>
      </c>
      <c r="H218" s="3" t="s">
        <v>29</v>
      </c>
      <c r="I218" s="3" t="s">
        <v>51</v>
      </c>
      <c r="J218" s="3" t="s">
        <v>136</v>
      </c>
      <c r="K218" s="3" t="s">
        <v>32</v>
      </c>
      <c r="L218" s="3" t="s">
        <v>33</v>
      </c>
      <c r="M218" s="3" t="s">
        <v>34</v>
      </c>
      <c r="N218" s="3" t="s">
        <v>131</v>
      </c>
      <c r="O218" s="3" t="s">
        <v>54</v>
      </c>
      <c r="P218" s="3" t="s">
        <v>55</v>
      </c>
      <c r="Q218" s="3" t="s">
        <v>38</v>
      </c>
      <c r="R218" s="3" t="s">
        <v>39</v>
      </c>
      <c r="S218" s="3" t="s">
        <v>137</v>
      </c>
      <c r="T218" s="3"/>
      <c r="U218" s="3" t="s">
        <v>37</v>
      </c>
      <c r="V218" s="3" t="s">
        <v>37</v>
      </c>
    </row>
    <row r="219" spans="1:22" x14ac:dyDescent="0.25">
      <c r="A219" s="3" t="s">
        <v>22</v>
      </c>
      <c r="B219" s="4" t="s">
        <v>740</v>
      </c>
      <c r="C219" s="3" t="s">
        <v>741</v>
      </c>
      <c r="D219" s="5" t="s">
        <v>138</v>
      </c>
      <c r="E219" s="3" t="s">
        <v>155</v>
      </c>
      <c r="F219" s="3" t="s">
        <v>768</v>
      </c>
      <c r="G219" s="3" t="s">
        <v>480</v>
      </c>
      <c r="H219" s="3" t="s">
        <v>60</v>
      </c>
      <c r="I219" s="3" t="s">
        <v>37</v>
      </c>
      <c r="J219" s="3" t="s">
        <v>769</v>
      </c>
      <c r="K219" s="3" t="s">
        <v>32</v>
      </c>
      <c r="L219" s="3" t="s">
        <v>33</v>
      </c>
      <c r="M219" s="3" t="s">
        <v>34</v>
      </c>
      <c r="N219" s="3" t="s">
        <v>159</v>
      </c>
      <c r="O219" s="3" t="s">
        <v>54</v>
      </c>
      <c r="P219" s="3" t="s">
        <v>37</v>
      </c>
      <c r="Q219" s="3" t="s">
        <v>37</v>
      </c>
      <c r="R219" s="3" t="s">
        <v>39</v>
      </c>
      <c r="S219" s="3" t="s">
        <v>770</v>
      </c>
      <c r="T219" s="3"/>
      <c r="U219" s="3" t="s">
        <v>37</v>
      </c>
      <c r="V219" s="3" t="s">
        <v>37</v>
      </c>
    </row>
    <row r="220" spans="1:22" x14ac:dyDescent="0.25">
      <c r="A220" s="3" t="s">
        <v>22</v>
      </c>
      <c r="B220" s="4" t="s">
        <v>740</v>
      </c>
      <c r="C220" s="3" t="s">
        <v>741</v>
      </c>
      <c r="D220" s="5" t="s">
        <v>152</v>
      </c>
      <c r="E220" s="3" t="s">
        <v>436</v>
      </c>
      <c r="F220" s="3" t="s">
        <v>771</v>
      </c>
      <c r="G220" s="3" t="s">
        <v>433</v>
      </c>
      <c r="H220" s="3" t="s">
        <v>60</v>
      </c>
      <c r="I220" s="3" t="s">
        <v>772</v>
      </c>
      <c r="J220" s="3" t="s">
        <v>773</v>
      </c>
      <c r="K220" s="3" t="s">
        <v>32</v>
      </c>
      <c r="L220" s="3" t="s">
        <v>33</v>
      </c>
      <c r="M220" s="3" t="s">
        <v>69</v>
      </c>
      <c r="N220" s="3" t="s">
        <v>440</v>
      </c>
      <c r="O220" s="3" t="s">
        <v>54</v>
      </c>
      <c r="P220" s="3" t="s">
        <v>37</v>
      </c>
      <c r="Q220" s="3" t="s">
        <v>37</v>
      </c>
      <c r="R220" s="3" t="s">
        <v>39</v>
      </c>
      <c r="S220" s="3" t="s">
        <v>774</v>
      </c>
      <c r="T220" s="3"/>
      <c r="U220" s="3" t="s">
        <v>37</v>
      </c>
      <c r="V220" s="3" t="s">
        <v>37</v>
      </c>
    </row>
    <row r="221" spans="1:22" x14ac:dyDescent="0.25">
      <c r="A221" s="3" t="s">
        <v>22</v>
      </c>
      <c r="B221" s="4" t="s">
        <v>740</v>
      </c>
      <c r="C221" s="3" t="s">
        <v>741</v>
      </c>
      <c r="D221" s="5" t="s">
        <v>302</v>
      </c>
      <c r="E221" s="3" t="s">
        <v>436</v>
      </c>
      <c r="F221" s="3" t="s">
        <v>775</v>
      </c>
      <c r="G221" s="3" t="s">
        <v>486</v>
      </c>
      <c r="H221" s="3" t="s">
        <v>60</v>
      </c>
      <c r="I221" s="3" t="s">
        <v>657</v>
      </c>
      <c r="J221" s="3" t="s">
        <v>776</v>
      </c>
      <c r="K221" s="3" t="s">
        <v>32</v>
      </c>
      <c r="L221" s="3" t="s">
        <v>33</v>
      </c>
      <c r="M221" s="3" t="s">
        <v>69</v>
      </c>
      <c r="N221" s="3" t="s">
        <v>440</v>
      </c>
      <c r="O221" s="3" t="s">
        <v>54</v>
      </c>
      <c r="P221" s="3" t="s">
        <v>37</v>
      </c>
      <c r="Q221" s="3" t="s">
        <v>37</v>
      </c>
      <c r="R221" s="3" t="s">
        <v>39</v>
      </c>
      <c r="S221" s="3" t="s">
        <v>777</v>
      </c>
      <c r="T221" s="3"/>
      <c r="U221" s="3" t="s">
        <v>37</v>
      </c>
      <c r="V221" s="3" t="s">
        <v>37</v>
      </c>
    </row>
    <row r="222" spans="1:22" x14ac:dyDescent="0.25">
      <c r="A222" s="3" t="s">
        <v>22</v>
      </c>
      <c r="B222" s="4" t="s">
        <v>740</v>
      </c>
      <c r="C222" s="3" t="s">
        <v>741</v>
      </c>
      <c r="D222" s="5" t="s">
        <v>168</v>
      </c>
      <c r="E222" s="3" t="s">
        <v>47</v>
      </c>
      <c r="F222" s="3" t="s">
        <v>677</v>
      </c>
      <c r="G222" s="3" t="s">
        <v>607</v>
      </c>
      <c r="H222" s="3" t="s">
        <v>60</v>
      </c>
      <c r="I222" s="3" t="s">
        <v>51</v>
      </c>
      <c r="J222" s="3" t="s">
        <v>678</v>
      </c>
      <c r="K222" s="3" t="s">
        <v>32</v>
      </c>
      <c r="L222" s="3" t="s">
        <v>33</v>
      </c>
      <c r="M222" s="3" t="s">
        <v>34</v>
      </c>
      <c r="N222" s="3" t="s">
        <v>62</v>
      </c>
      <c r="O222" s="3" t="s">
        <v>54</v>
      </c>
      <c r="P222" s="3" t="s">
        <v>55</v>
      </c>
      <c r="Q222" s="3" t="s">
        <v>37</v>
      </c>
      <c r="R222" s="3" t="s">
        <v>39</v>
      </c>
      <c r="S222" s="3" t="s">
        <v>679</v>
      </c>
      <c r="T222" s="3"/>
      <c r="U222" s="3" t="s">
        <v>37</v>
      </c>
      <c r="V222" s="3" t="s">
        <v>37</v>
      </c>
    </row>
    <row r="223" spans="1:22" x14ac:dyDescent="0.25">
      <c r="A223" s="3" t="s">
        <v>22</v>
      </c>
      <c r="B223" s="4" t="s">
        <v>740</v>
      </c>
      <c r="C223" s="3" t="s">
        <v>741</v>
      </c>
      <c r="D223" s="5" t="s">
        <v>172</v>
      </c>
      <c r="E223" s="3" t="s">
        <v>47</v>
      </c>
      <c r="F223" s="3" t="s">
        <v>273</v>
      </c>
      <c r="G223" s="3" t="s">
        <v>274</v>
      </c>
      <c r="H223" s="3" t="s">
        <v>60</v>
      </c>
      <c r="I223" s="3" t="s">
        <v>51</v>
      </c>
      <c r="J223" s="3" t="s">
        <v>275</v>
      </c>
      <c r="K223" s="3" t="s">
        <v>32</v>
      </c>
      <c r="L223" s="3" t="s">
        <v>33</v>
      </c>
      <c r="M223" s="3" t="s">
        <v>34</v>
      </c>
      <c r="N223" s="3" t="s">
        <v>62</v>
      </c>
      <c r="O223" s="3" t="s">
        <v>54</v>
      </c>
      <c r="P223" s="3" t="s">
        <v>55</v>
      </c>
      <c r="Q223" s="3" t="s">
        <v>37</v>
      </c>
      <c r="R223" s="3" t="s">
        <v>39</v>
      </c>
      <c r="S223" s="3" t="s">
        <v>276</v>
      </c>
      <c r="T223" s="3"/>
      <c r="U223" s="3" t="s">
        <v>37</v>
      </c>
      <c r="V223" s="3" t="s">
        <v>37</v>
      </c>
    </row>
    <row r="224" spans="1:22" x14ac:dyDescent="0.25">
      <c r="A224" s="3" t="s">
        <v>22</v>
      </c>
      <c r="B224" s="4" t="s">
        <v>740</v>
      </c>
      <c r="C224" s="3" t="s">
        <v>741</v>
      </c>
      <c r="D224" s="5" t="s">
        <v>176</v>
      </c>
      <c r="E224" s="3" t="s">
        <v>453</v>
      </c>
      <c r="F224" s="3" t="s">
        <v>778</v>
      </c>
      <c r="G224" s="3" t="s">
        <v>285</v>
      </c>
      <c r="H224" s="3" t="s">
        <v>60</v>
      </c>
      <c r="I224" s="3" t="s">
        <v>37</v>
      </c>
      <c r="J224" s="3" t="s">
        <v>37</v>
      </c>
      <c r="K224" s="3" t="s">
        <v>32</v>
      </c>
      <c r="L224" s="3" t="s">
        <v>33</v>
      </c>
      <c r="M224" s="3" t="s">
        <v>69</v>
      </c>
      <c r="N224" s="3" t="s">
        <v>159</v>
      </c>
      <c r="O224" s="3" t="s">
        <v>54</v>
      </c>
      <c r="P224" s="3" t="s">
        <v>37</v>
      </c>
      <c r="Q224" s="3" t="s">
        <v>37</v>
      </c>
      <c r="R224" s="3" t="s">
        <v>39</v>
      </c>
      <c r="S224" s="3" t="s">
        <v>779</v>
      </c>
      <c r="T224" s="3" t="s">
        <v>126</v>
      </c>
      <c r="U224" s="3" t="s">
        <v>37</v>
      </c>
      <c r="V224" s="3" t="s">
        <v>37</v>
      </c>
    </row>
    <row r="225" spans="1:22" x14ac:dyDescent="0.25">
      <c r="A225" s="3" t="s">
        <v>22</v>
      </c>
      <c r="B225" s="4" t="s">
        <v>740</v>
      </c>
      <c r="C225" s="3" t="s">
        <v>741</v>
      </c>
      <c r="D225" s="5" t="s">
        <v>183</v>
      </c>
      <c r="E225" s="3" t="s">
        <v>453</v>
      </c>
      <c r="F225" s="3" t="s">
        <v>780</v>
      </c>
      <c r="G225" s="3" t="s">
        <v>570</v>
      </c>
      <c r="H225" s="3" t="s">
        <v>60</v>
      </c>
      <c r="I225" s="3" t="s">
        <v>37</v>
      </c>
      <c r="J225" s="3" t="s">
        <v>781</v>
      </c>
      <c r="K225" s="3" t="s">
        <v>32</v>
      </c>
      <c r="L225" s="3" t="s">
        <v>33</v>
      </c>
      <c r="M225" s="3" t="s">
        <v>69</v>
      </c>
      <c r="N225" s="3" t="s">
        <v>159</v>
      </c>
      <c r="O225" s="3" t="s">
        <v>54</v>
      </c>
      <c r="P225" s="3" t="s">
        <v>37</v>
      </c>
      <c r="Q225" s="3" t="s">
        <v>37</v>
      </c>
      <c r="R225" s="3" t="s">
        <v>39</v>
      </c>
      <c r="S225" s="3" t="s">
        <v>782</v>
      </c>
      <c r="T225" s="3"/>
      <c r="U225" s="3" t="s">
        <v>37</v>
      </c>
      <c r="V225" s="3" t="s">
        <v>37</v>
      </c>
    </row>
    <row r="226" spans="1:22" x14ac:dyDescent="0.25">
      <c r="A226" s="3" t="s">
        <v>22</v>
      </c>
      <c r="B226" s="4" t="s">
        <v>740</v>
      </c>
      <c r="C226" s="3" t="s">
        <v>741</v>
      </c>
      <c r="D226" s="5" t="s">
        <v>189</v>
      </c>
      <c r="E226" s="3" t="s">
        <v>47</v>
      </c>
      <c r="F226" s="3" t="s">
        <v>194</v>
      </c>
      <c r="G226" s="3" t="s">
        <v>195</v>
      </c>
      <c r="H226" s="3" t="s">
        <v>29</v>
      </c>
      <c r="I226" s="3" t="s">
        <v>51</v>
      </c>
      <c r="J226" s="3" t="s">
        <v>196</v>
      </c>
      <c r="K226" s="3" t="s">
        <v>32</v>
      </c>
      <c r="L226" s="3" t="s">
        <v>33</v>
      </c>
      <c r="M226" s="3" t="s">
        <v>34</v>
      </c>
      <c r="N226" s="3" t="s">
        <v>131</v>
      </c>
      <c r="O226" s="3" t="s">
        <v>54</v>
      </c>
      <c r="P226" s="3" t="s">
        <v>55</v>
      </c>
      <c r="Q226" s="3" t="s">
        <v>38</v>
      </c>
      <c r="R226" s="3" t="s">
        <v>39</v>
      </c>
      <c r="S226" s="3" t="s">
        <v>197</v>
      </c>
      <c r="T226" s="3"/>
      <c r="U226" s="3" t="s">
        <v>37</v>
      </c>
      <c r="V226" s="3" t="s">
        <v>37</v>
      </c>
    </row>
    <row r="227" spans="1:22" x14ac:dyDescent="0.25">
      <c r="A227" s="3" t="s">
        <v>22</v>
      </c>
      <c r="B227" s="4" t="s">
        <v>740</v>
      </c>
      <c r="C227" s="3" t="s">
        <v>741</v>
      </c>
      <c r="D227" s="5" t="s">
        <v>328</v>
      </c>
      <c r="E227" s="3" t="s">
        <v>47</v>
      </c>
      <c r="F227" s="3" t="s">
        <v>562</v>
      </c>
      <c r="G227" s="3" t="s">
        <v>118</v>
      </c>
      <c r="H227" s="3" t="s">
        <v>29</v>
      </c>
      <c r="I227" s="3" t="s">
        <v>51</v>
      </c>
      <c r="J227" s="3" t="s">
        <v>563</v>
      </c>
      <c r="K227" s="3" t="s">
        <v>32</v>
      </c>
      <c r="L227" s="3" t="s">
        <v>33</v>
      </c>
      <c r="M227" s="3" t="s">
        <v>34</v>
      </c>
      <c r="N227" s="3" t="s">
        <v>131</v>
      </c>
      <c r="O227" s="3" t="s">
        <v>54</v>
      </c>
      <c r="P227" s="3" t="s">
        <v>55</v>
      </c>
      <c r="Q227" s="3" t="s">
        <v>38</v>
      </c>
      <c r="R227" s="3" t="s">
        <v>39</v>
      </c>
      <c r="S227" s="3" t="s">
        <v>564</v>
      </c>
      <c r="T227" s="3"/>
      <c r="U227" s="3" t="s">
        <v>37</v>
      </c>
      <c r="V227" s="3" t="s">
        <v>37</v>
      </c>
    </row>
    <row r="228" spans="1:22" x14ac:dyDescent="0.25">
      <c r="A228" s="3" t="s">
        <v>22</v>
      </c>
      <c r="B228" s="4" t="s">
        <v>740</v>
      </c>
      <c r="C228" s="3" t="s">
        <v>741</v>
      </c>
      <c r="D228" s="5" t="s">
        <v>329</v>
      </c>
      <c r="E228" s="3" t="s">
        <v>47</v>
      </c>
      <c r="F228" s="3" t="s">
        <v>565</v>
      </c>
      <c r="G228" s="3" t="s">
        <v>379</v>
      </c>
      <c r="H228" s="3" t="s">
        <v>29</v>
      </c>
      <c r="I228" s="3" t="s">
        <v>51</v>
      </c>
      <c r="J228" s="3" t="s">
        <v>566</v>
      </c>
      <c r="K228" s="3" t="s">
        <v>32</v>
      </c>
      <c r="L228" s="3" t="s">
        <v>33</v>
      </c>
      <c r="M228" s="3" t="s">
        <v>34</v>
      </c>
      <c r="N228" s="3" t="s">
        <v>131</v>
      </c>
      <c r="O228" s="3" t="s">
        <v>54</v>
      </c>
      <c r="P228" s="3" t="s">
        <v>55</v>
      </c>
      <c r="Q228" s="3" t="s">
        <v>38</v>
      </c>
      <c r="R228" s="3" t="s">
        <v>39</v>
      </c>
      <c r="S228" s="3" t="s">
        <v>567</v>
      </c>
      <c r="T228" s="3"/>
      <c r="U228" s="3" t="s">
        <v>37</v>
      </c>
      <c r="V228" s="3" t="s">
        <v>37</v>
      </c>
    </row>
    <row r="229" spans="1:22" x14ac:dyDescent="0.25">
      <c r="A229" s="3" t="s">
        <v>22</v>
      </c>
      <c r="B229" s="4" t="s">
        <v>740</v>
      </c>
      <c r="C229" s="3" t="s">
        <v>741</v>
      </c>
      <c r="D229" s="5" t="s">
        <v>333</v>
      </c>
      <c r="E229" s="3" t="s">
        <v>74</v>
      </c>
      <c r="F229" s="3" t="s">
        <v>783</v>
      </c>
      <c r="G229" s="3" t="s">
        <v>784</v>
      </c>
      <c r="H229" s="3" t="s">
        <v>50</v>
      </c>
      <c r="I229" s="3" t="s">
        <v>37</v>
      </c>
      <c r="J229" s="3" t="s">
        <v>785</v>
      </c>
      <c r="K229" s="3" t="s">
        <v>32</v>
      </c>
      <c r="L229" s="3" t="s">
        <v>33</v>
      </c>
      <c r="M229" s="3" t="s">
        <v>69</v>
      </c>
      <c r="N229" s="3" t="s">
        <v>159</v>
      </c>
      <c r="O229" s="3" t="s">
        <v>54</v>
      </c>
      <c r="P229" s="3" t="s">
        <v>55</v>
      </c>
      <c r="Q229" s="3" t="s">
        <v>37</v>
      </c>
      <c r="R229" s="3" t="s">
        <v>39</v>
      </c>
      <c r="S229" s="3" t="s">
        <v>786</v>
      </c>
      <c r="T229" s="3"/>
      <c r="U229" s="3" t="s">
        <v>37</v>
      </c>
      <c r="V229" s="3" t="s">
        <v>37</v>
      </c>
    </row>
    <row r="230" spans="1:22" x14ac:dyDescent="0.25">
      <c r="A230" s="3" t="s">
        <v>22</v>
      </c>
      <c r="B230" s="4" t="s">
        <v>740</v>
      </c>
      <c r="C230" s="3" t="s">
        <v>741</v>
      </c>
      <c r="D230" s="5" t="s">
        <v>337</v>
      </c>
      <c r="E230" s="3" t="s">
        <v>74</v>
      </c>
      <c r="F230" s="3" t="s">
        <v>787</v>
      </c>
      <c r="G230" s="3" t="s">
        <v>788</v>
      </c>
      <c r="H230" s="3" t="s">
        <v>50</v>
      </c>
      <c r="I230" s="3" t="s">
        <v>37</v>
      </c>
      <c r="J230" s="3" t="s">
        <v>789</v>
      </c>
      <c r="K230" s="3" t="s">
        <v>32</v>
      </c>
      <c r="L230" s="3" t="s">
        <v>33</v>
      </c>
      <c r="M230" s="3" t="s">
        <v>69</v>
      </c>
      <c r="N230" s="3" t="s">
        <v>159</v>
      </c>
      <c r="O230" s="3" t="s">
        <v>54</v>
      </c>
      <c r="P230" s="3" t="s">
        <v>55</v>
      </c>
      <c r="Q230" s="3" t="s">
        <v>37</v>
      </c>
      <c r="R230" s="3" t="s">
        <v>39</v>
      </c>
      <c r="S230" s="3" t="s">
        <v>790</v>
      </c>
      <c r="T230" s="3"/>
      <c r="U230" s="3" t="s">
        <v>37</v>
      </c>
      <c r="V230" s="3" t="s">
        <v>37</v>
      </c>
    </row>
    <row r="231" spans="1:22" x14ac:dyDescent="0.25">
      <c r="A231" s="3" t="s">
        <v>22</v>
      </c>
      <c r="B231" s="4" t="s">
        <v>740</v>
      </c>
      <c r="C231" s="3" t="s">
        <v>741</v>
      </c>
      <c r="D231" s="5" t="s">
        <v>477</v>
      </c>
      <c r="E231" s="3" t="s">
        <v>478</v>
      </c>
      <c r="F231" s="3" t="s">
        <v>791</v>
      </c>
      <c r="G231" s="3" t="s">
        <v>443</v>
      </c>
      <c r="H231" s="3" t="s">
        <v>60</v>
      </c>
      <c r="I231" s="3" t="s">
        <v>481</v>
      </c>
      <c r="J231" s="3" t="s">
        <v>792</v>
      </c>
      <c r="K231" s="3" t="s">
        <v>32</v>
      </c>
      <c r="L231" s="3" t="s">
        <v>37</v>
      </c>
      <c r="M231" s="3" t="s">
        <v>34</v>
      </c>
      <c r="N231" s="3" t="s">
        <v>79</v>
      </c>
      <c r="O231" s="3" t="s">
        <v>113</v>
      </c>
      <c r="P231" s="3" t="s">
        <v>37</v>
      </c>
      <c r="Q231" s="3" t="s">
        <v>37</v>
      </c>
      <c r="R231" s="3" t="s">
        <v>39</v>
      </c>
      <c r="S231" s="3" t="s">
        <v>793</v>
      </c>
      <c r="T231" s="3"/>
      <c r="U231" s="3" t="s">
        <v>37</v>
      </c>
      <c r="V231" s="3" t="s">
        <v>37</v>
      </c>
    </row>
    <row r="232" spans="1:22" x14ac:dyDescent="0.25">
      <c r="A232" s="3" t="s">
        <v>22</v>
      </c>
      <c r="B232" s="4" t="s">
        <v>740</v>
      </c>
      <c r="C232" s="3" t="s">
        <v>741</v>
      </c>
      <c r="D232" s="5" t="s">
        <v>484</v>
      </c>
      <c r="E232" s="3" t="s">
        <v>478</v>
      </c>
      <c r="F232" s="3" t="s">
        <v>794</v>
      </c>
      <c r="G232" s="3" t="s">
        <v>285</v>
      </c>
      <c r="H232" s="3" t="s">
        <v>60</v>
      </c>
      <c r="I232" s="3" t="s">
        <v>481</v>
      </c>
      <c r="J232" s="3" t="s">
        <v>795</v>
      </c>
      <c r="K232" s="3" t="s">
        <v>32</v>
      </c>
      <c r="L232" s="3" t="s">
        <v>37</v>
      </c>
      <c r="M232" s="3" t="s">
        <v>34</v>
      </c>
      <c r="N232" s="3" t="s">
        <v>79</v>
      </c>
      <c r="O232" s="3" t="s">
        <v>113</v>
      </c>
      <c r="P232" s="3" t="s">
        <v>37</v>
      </c>
      <c r="Q232" s="3" t="s">
        <v>37</v>
      </c>
      <c r="R232" s="3" t="s">
        <v>39</v>
      </c>
      <c r="S232" s="3" t="s">
        <v>796</v>
      </c>
      <c r="T232" s="3"/>
      <c r="U232" s="3" t="s">
        <v>37</v>
      </c>
      <c r="V232" s="3" t="s">
        <v>37</v>
      </c>
    </row>
    <row r="233" spans="1:22" x14ac:dyDescent="0.25">
      <c r="A233" s="3" t="s">
        <v>22</v>
      </c>
      <c r="B233" s="4" t="s">
        <v>740</v>
      </c>
      <c r="C233" s="3" t="s">
        <v>741</v>
      </c>
      <c r="D233" s="5" t="s">
        <v>207</v>
      </c>
      <c r="E233" s="3" t="s">
        <v>177</v>
      </c>
      <c r="F233" s="3" t="s">
        <v>797</v>
      </c>
      <c r="G233" s="3" t="s">
        <v>607</v>
      </c>
      <c r="H233" s="3" t="s">
        <v>60</v>
      </c>
      <c r="I233" s="3" t="s">
        <v>798</v>
      </c>
      <c r="J233" s="3" t="s">
        <v>799</v>
      </c>
      <c r="K233" s="3" t="s">
        <v>32</v>
      </c>
      <c r="L233" s="3" t="s">
        <v>106</v>
      </c>
      <c r="M233" s="3" t="s">
        <v>69</v>
      </c>
      <c r="N233" s="3" t="s">
        <v>62</v>
      </c>
      <c r="O233" s="3" t="s">
        <v>36</v>
      </c>
      <c r="P233" s="3" t="s">
        <v>37</v>
      </c>
      <c r="Q233" s="3" t="s">
        <v>37</v>
      </c>
      <c r="R233" s="3" t="s">
        <v>39</v>
      </c>
      <c r="S233" s="3" t="s">
        <v>800</v>
      </c>
      <c r="T233" s="3"/>
      <c r="U233" s="3" t="s">
        <v>37</v>
      </c>
      <c r="V233" s="3" t="s">
        <v>37</v>
      </c>
    </row>
    <row r="234" spans="1:22" x14ac:dyDescent="0.25">
      <c r="A234" s="3" t="s">
        <v>22</v>
      </c>
      <c r="B234" s="4" t="s">
        <v>740</v>
      </c>
      <c r="C234" s="3" t="s">
        <v>741</v>
      </c>
      <c r="D234" s="5" t="s">
        <v>493</v>
      </c>
      <c r="E234" s="3" t="s">
        <v>177</v>
      </c>
      <c r="F234" s="3" t="s">
        <v>801</v>
      </c>
      <c r="G234" s="3" t="s">
        <v>274</v>
      </c>
      <c r="H234" s="3" t="s">
        <v>60</v>
      </c>
      <c r="I234" s="3" t="s">
        <v>802</v>
      </c>
      <c r="J234" s="3" t="s">
        <v>803</v>
      </c>
      <c r="K234" s="3" t="s">
        <v>32</v>
      </c>
      <c r="L234" s="3" t="s">
        <v>106</v>
      </c>
      <c r="M234" s="3" t="s">
        <v>69</v>
      </c>
      <c r="N234" s="3" t="s">
        <v>62</v>
      </c>
      <c r="O234" s="3" t="s">
        <v>36</v>
      </c>
      <c r="P234" s="3" t="s">
        <v>37</v>
      </c>
      <c r="Q234" s="3" t="s">
        <v>37</v>
      </c>
      <c r="R234" s="3" t="s">
        <v>39</v>
      </c>
      <c r="S234" s="3" t="s">
        <v>804</v>
      </c>
      <c r="T234" s="3"/>
      <c r="U234" s="3" t="s">
        <v>37</v>
      </c>
      <c r="V234" s="3" t="s">
        <v>37</v>
      </c>
    </row>
    <row r="235" spans="1:22" x14ac:dyDescent="0.25">
      <c r="A235" s="3" t="s">
        <v>22</v>
      </c>
      <c r="B235" s="4" t="s">
        <v>740</v>
      </c>
      <c r="C235" s="3" t="s">
        <v>741</v>
      </c>
      <c r="D235" s="5" t="s">
        <v>215</v>
      </c>
      <c r="E235" s="3" t="s">
        <v>498</v>
      </c>
      <c r="F235" s="3" t="s">
        <v>805</v>
      </c>
      <c r="G235" s="3" t="s">
        <v>290</v>
      </c>
      <c r="H235" s="3" t="s">
        <v>29</v>
      </c>
      <c r="I235" s="3" t="s">
        <v>37</v>
      </c>
      <c r="J235" s="3" t="s">
        <v>806</v>
      </c>
      <c r="K235" s="3" t="s">
        <v>32</v>
      </c>
      <c r="L235" s="3" t="s">
        <v>106</v>
      </c>
      <c r="M235" s="3" t="s">
        <v>69</v>
      </c>
      <c r="N235" s="3" t="s">
        <v>53</v>
      </c>
      <c r="O235" s="3" t="s">
        <v>36</v>
      </c>
      <c r="P235" s="3" t="s">
        <v>55</v>
      </c>
      <c r="Q235" s="3" t="s">
        <v>37</v>
      </c>
      <c r="R235" s="3" t="s">
        <v>39</v>
      </c>
      <c r="S235" s="3" t="s">
        <v>807</v>
      </c>
      <c r="T235" s="3"/>
      <c r="U235" s="3" t="s">
        <v>37</v>
      </c>
      <c r="V235" s="3" t="s">
        <v>37</v>
      </c>
    </row>
    <row r="236" spans="1:22" x14ac:dyDescent="0.25">
      <c r="A236" s="3" t="s">
        <v>22</v>
      </c>
      <c r="B236" s="4" t="s">
        <v>740</v>
      </c>
      <c r="C236" s="3" t="s">
        <v>741</v>
      </c>
      <c r="D236" s="5" t="s">
        <v>216</v>
      </c>
      <c r="E236" s="3" t="s">
        <v>498</v>
      </c>
      <c r="F236" s="3" t="s">
        <v>808</v>
      </c>
      <c r="G236" s="3" t="s">
        <v>295</v>
      </c>
      <c r="H236" s="3" t="s">
        <v>29</v>
      </c>
      <c r="I236" s="3" t="s">
        <v>37</v>
      </c>
      <c r="J236" s="3" t="s">
        <v>809</v>
      </c>
      <c r="K236" s="3" t="s">
        <v>32</v>
      </c>
      <c r="L236" s="3" t="s">
        <v>106</v>
      </c>
      <c r="M236" s="3" t="s">
        <v>69</v>
      </c>
      <c r="N236" s="3" t="s">
        <v>53</v>
      </c>
      <c r="O236" s="3" t="s">
        <v>36</v>
      </c>
      <c r="P236" s="3" t="s">
        <v>55</v>
      </c>
      <c r="Q236" s="3" t="s">
        <v>37</v>
      </c>
      <c r="R236" s="3" t="s">
        <v>39</v>
      </c>
      <c r="S236" s="3" t="s">
        <v>810</v>
      </c>
      <c r="T236" s="3"/>
      <c r="U236" s="3" t="s">
        <v>37</v>
      </c>
      <c r="V236" s="3" t="s">
        <v>37</v>
      </c>
    </row>
    <row r="237" spans="1:22" x14ac:dyDescent="0.25">
      <c r="A237" s="3" t="s">
        <v>22</v>
      </c>
      <c r="B237" s="4" t="s">
        <v>740</v>
      </c>
      <c r="C237" s="3" t="s">
        <v>741</v>
      </c>
      <c r="D237" s="5" t="s">
        <v>217</v>
      </c>
      <c r="E237" s="3" t="s">
        <v>505</v>
      </c>
      <c r="F237" s="3" t="s">
        <v>811</v>
      </c>
      <c r="G237" s="3" t="s">
        <v>812</v>
      </c>
      <c r="H237" s="3" t="s">
        <v>29</v>
      </c>
      <c r="I237" s="3" t="s">
        <v>813</v>
      </c>
      <c r="J237" s="3" t="s">
        <v>814</v>
      </c>
      <c r="K237" s="3" t="s">
        <v>32</v>
      </c>
      <c r="L237" s="3" t="s">
        <v>106</v>
      </c>
      <c r="M237" s="3" t="s">
        <v>510</v>
      </c>
      <c r="N237" s="3" t="s">
        <v>511</v>
      </c>
      <c r="O237" s="3" t="s">
        <v>512</v>
      </c>
      <c r="P237" s="3" t="s">
        <v>55</v>
      </c>
      <c r="Q237" s="3" t="s">
        <v>38</v>
      </c>
      <c r="R237" s="3" t="s">
        <v>39</v>
      </c>
      <c r="S237" s="3" t="s">
        <v>815</v>
      </c>
      <c r="T237" s="3"/>
      <c r="U237" s="3" t="s">
        <v>37</v>
      </c>
      <c r="V237" s="3" t="s">
        <v>37</v>
      </c>
    </row>
    <row r="238" spans="1:22" x14ac:dyDescent="0.25">
      <c r="A238" s="3"/>
      <c r="B238" s="4"/>
      <c r="C238" s="3"/>
      <c r="D238" s="5"/>
      <c r="E238" s="6" t="s">
        <v>225</v>
      </c>
      <c r="F238" s="3"/>
      <c r="G238" s="3"/>
      <c r="H238" s="3"/>
      <c r="I238" s="3"/>
      <c r="J238" s="3"/>
      <c r="K238" s="3"/>
      <c r="L238" s="3"/>
      <c r="M238" s="3"/>
      <c r="N238" s="3"/>
      <c r="O238" s="3"/>
      <c r="P238" s="3"/>
      <c r="Q238" s="3"/>
      <c r="R238" s="3"/>
      <c r="S238" s="3"/>
      <c r="T238" s="3"/>
      <c r="U238" s="3"/>
      <c r="V238" s="3"/>
    </row>
    <row r="239" spans="1:22" x14ac:dyDescent="0.25">
      <c r="A239" s="3"/>
      <c r="B239" s="4"/>
      <c r="C239" s="3"/>
      <c r="D239" s="5"/>
      <c r="E239" s="6"/>
      <c r="F239" s="3"/>
      <c r="G239" s="3"/>
      <c r="H239" s="3"/>
      <c r="I239" s="3"/>
      <c r="J239" s="3"/>
      <c r="K239" s="3"/>
      <c r="L239" s="3"/>
      <c r="M239" s="3"/>
      <c r="N239" s="3"/>
      <c r="O239" s="3"/>
      <c r="P239" s="3"/>
      <c r="Q239" s="3"/>
      <c r="R239" s="3"/>
      <c r="S239" s="3"/>
      <c r="T239" s="3"/>
      <c r="U239" s="3"/>
      <c r="V239" s="3"/>
    </row>
    <row r="240" spans="1:22" x14ac:dyDescent="0.25">
      <c r="A240" s="3"/>
      <c r="B240" s="4"/>
      <c r="C240" s="3"/>
      <c r="D240" s="5"/>
      <c r="E240" s="3"/>
      <c r="F240" s="3"/>
      <c r="G240" s="3"/>
      <c r="H240" s="3"/>
      <c r="I240" s="3"/>
      <c r="J240" s="3"/>
      <c r="K240" s="3"/>
      <c r="L240" s="3"/>
      <c r="M240" s="3"/>
      <c r="N240" s="3"/>
      <c r="O240" s="3"/>
      <c r="P240" s="3"/>
      <c r="Q240" s="3"/>
      <c r="R240" s="3"/>
      <c r="S240" s="3"/>
      <c r="T240" s="3"/>
      <c r="U240" s="3"/>
      <c r="V240" s="3"/>
    </row>
    <row r="241" spans="1:22" x14ac:dyDescent="0.25">
      <c r="A241" s="3" t="s">
        <v>22</v>
      </c>
      <c r="B241" s="4" t="s">
        <v>816</v>
      </c>
      <c r="C241" s="3" t="s">
        <v>817</v>
      </c>
      <c r="D241" s="5" t="s">
        <v>25</v>
      </c>
      <c r="E241" s="3" t="s">
        <v>139</v>
      </c>
      <c r="F241" s="3" t="s">
        <v>147</v>
      </c>
      <c r="G241" s="3" t="s">
        <v>148</v>
      </c>
      <c r="H241" s="3" t="s">
        <v>29</v>
      </c>
      <c r="I241" s="3" t="s">
        <v>142</v>
      </c>
      <c r="J241" s="3" t="s">
        <v>150</v>
      </c>
      <c r="K241" s="3" t="s">
        <v>32</v>
      </c>
      <c r="L241" s="3" t="s">
        <v>33</v>
      </c>
      <c r="M241" s="3" t="s">
        <v>69</v>
      </c>
      <c r="N241" s="3" t="s">
        <v>79</v>
      </c>
      <c r="O241" s="3" t="s">
        <v>54</v>
      </c>
      <c r="P241" s="3" t="s">
        <v>37</v>
      </c>
      <c r="Q241" s="3" t="s">
        <v>37</v>
      </c>
      <c r="R241" s="3" t="s">
        <v>39</v>
      </c>
      <c r="S241" s="3" t="s">
        <v>151</v>
      </c>
      <c r="T241" s="3"/>
      <c r="U241" s="3" t="s">
        <v>37</v>
      </c>
      <c r="V241" s="3" t="s">
        <v>145</v>
      </c>
    </row>
    <row r="242" spans="1:22" x14ac:dyDescent="0.25">
      <c r="A242" s="3" t="s">
        <v>22</v>
      </c>
      <c r="B242" s="4" t="s">
        <v>816</v>
      </c>
      <c r="C242" s="3" t="s">
        <v>817</v>
      </c>
      <c r="D242" s="5" t="s">
        <v>41</v>
      </c>
      <c r="E242" s="3" t="s">
        <v>139</v>
      </c>
      <c r="F242" s="3" t="s">
        <v>818</v>
      </c>
      <c r="G242" s="3" t="s">
        <v>281</v>
      </c>
      <c r="H242" s="3" t="s">
        <v>60</v>
      </c>
      <c r="I242" s="3" t="s">
        <v>819</v>
      </c>
      <c r="J242" s="3" t="s">
        <v>820</v>
      </c>
      <c r="K242" s="3" t="s">
        <v>32</v>
      </c>
      <c r="L242" s="3" t="s">
        <v>33</v>
      </c>
      <c r="M242" s="3" t="s">
        <v>69</v>
      </c>
      <c r="N242" s="3" t="s">
        <v>53</v>
      </c>
      <c r="O242" s="3" t="s">
        <v>54</v>
      </c>
      <c r="P242" s="3" t="s">
        <v>55</v>
      </c>
      <c r="Q242" s="3" t="s">
        <v>37</v>
      </c>
      <c r="R242" s="3" t="s">
        <v>39</v>
      </c>
      <c r="S242" s="3" t="s">
        <v>821</v>
      </c>
      <c r="T242" s="3"/>
      <c r="U242" s="3" t="s">
        <v>37</v>
      </c>
      <c r="V242" s="3" t="s">
        <v>37</v>
      </c>
    </row>
    <row r="243" spans="1:22" x14ac:dyDescent="0.25">
      <c r="A243" s="3" t="s">
        <v>22</v>
      </c>
      <c r="B243" s="4" t="s">
        <v>816</v>
      </c>
      <c r="C243" s="3" t="s">
        <v>817</v>
      </c>
      <c r="D243" s="5" t="s">
        <v>46</v>
      </c>
      <c r="E243" s="3" t="s">
        <v>47</v>
      </c>
      <c r="F243" s="3" t="s">
        <v>706</v>
      </c>
      <c r="G243" s="3" t="s">
        <v>163</v>
      </c>
      <c r="H243" s="3" t="s">
        <v>29</v>
      </c>
      <c r="I243" s="3" t="s">
        <v>51</v>
      </c>
      <c r="J243" s="3" t="s">
        <v>707</v>
      </c>
      <c r="K243" s="3" t="s">
        <v>32</v>
      </c>
      <c r="L243" s="3" t="s">
        <v>33</v>
      </c>
      <c r="M243" s="3" t="s">
        <v>34</v>
      </c>
      <c r="N243" s="3" t="s">
        <v>131</v>
      </c>
      <c r="O243" s="3" t="s">
        <v>54</v>
      </c>
      <c r="P243" s="3" t="s">
        <v>37</v>
      </c>
      <c r="Q243" s="3" t="s">
        <v>37</v>
      </c>
      <c r="R243" s="3" t="s">
        <v>39</v>
      </c>
      <c r="S243" s="3" t="s">
        <v>708</v>
      </c>
      <c r="T243" s="3"/>
      <c r="U243" s="3" t="s">
        <v>37</v>
      </c>
      <c r="V243" s="3" t="s">
        <v>37</v>
      </c>
    </row>
    <row r="244" spans="1:22" x14ac:dyDescent="0.25">
      <c r="A244" s="3" t="s">
        <v>22</v>
      </c>
      <c r="B244" s="4" t="s">
        <v>816</v>
      </c>
      <c r="C244" s="3" t="s">
        <v>817</v>
      </c>
      <c r="D244" s="5" t="s">
        <v>57</v>
      </c>
      <c r="E244" s="3" t="s">
        <v>47</v>
      </c>
      <c r="F244" s="3" t="s">
        <v>194</v>
      </c>
      <c r="G244" s="3" t="s">
        <v>195</v>
      </c>
      <c r="H244" s="3" t="s">
        <v>29</v>
      </c>
      <c r="I244" s="3" t="s">
        <v>51</v>
      </c>
      <c r="J244" s="3" t="s">
        <v>196</v>
      </c>
      <c r="K244" s="3" t="s">
        <v>32</v>
      </c>
      <c r="L244" s="3" t="s">
        <v>33</v>
      </c>
      <c r="M244" s="3" t="s">
        <v>34</v>
      </c>
      <c r="N244" s="3" t="s">
        <v>131</v>
      </c>
      <c r="O244" s="3" t="s">
        <v>54</v>
      </c>
      <c r="P244" s="3" t="s">
        <v>55</v>
      </c>
      <c r="Q244" s="3" t="s">
        <v>38</v>
      </c>
      <c r="R244" s="3" t="s">
        <v>39</v>
      </c>
      <c r="S244" s="3" t="s">
        <v>197</v>
      </c>
      <c r="T244" s="3"/>
      <c r="U244" s="3" t="s">
        <v>37</v>
      </c>
      <c r="V244" s="3" t="s">
        <v>37</v>
      </c>
    </row>
    <row r="245" spans="1:22" x14ac:dyDescent="0.25">
      <c r="A245" s="3" t="s">
        <v>22</v>
      </c>
      <c r="B245" s="4" t="s">
        <v>816</v>
      </c>
      <c r="C245" s="3" t="s">
        <v>817</v>
      </c>
      <c r="D245" s="5" t="s">
        <v>64</v>
      </c>
      <c r="E245" s="3" t="s">
        <v>74</v>
      </c>
      <c r="F245" s="3" t="s">
        <v>783</v>
      </c>
      <c r="G245" s="3" t="s">
        <v>784</v>
      </c>
      <c r="H245" s="3" t="s">
        <v>50</v>
      </c>
      <c r="I245" s="3" t="s">
        <v>37</v>
      </c>
      <c r="J245" s="3" t="s">
        <v>785</v>
      </c>
      <c r="K245" s="3" t="s">
        <v>32</v>
      </c>
      <c r="L245" s="3" t="s">
        <v>33</v>
      </c>
      <c r="M245" s="3" t="s">
        <v>69</v>
      </c>
      <c r="N245" s="3" t="s">
        <v>159</v>
      </c>
      <c r="O245" s="3" t="s">
        <v>54</v>
      </c>
      <c r="P245" s="3" t="s">
        <v>55</v>
      </c>
      <c r="Q245" s="3" t="s">
        <v>37</v>
      </c>
      <c r="R245" s="3" t="s">
        <v>39</v>
      </c>
      <c r="S245" s="3" t="s">
        <v>786</v>
      </c>
      <c r="T245" s="3"/>
      <c r="U245" s="3" t="s">
        <v>37</v>
      </c>
      <c r="V245" s="3" t="s">
        <v>37</v>
      </c>
    </row>
    <row r="246" spans="1:22" x14ac:dyDescent="0.25">
      <c r="A246" s="3" t="s">
        <v>22</v>
      </c>
      <c r="B246" s="4" t="s">
        <v>816</v>
      </c>
      <c r="C246" s="3" t="s">
        <v>817</v>
      </c>
      <c r="D246" s="5" t="s">
        <v>71</v>
      </c>
      <c r="E246" s="3" t="s">
        <v>74</v>
      </c>
      <c r="F246" s="3" t="s">
        <v>787</v>
      </c>
      <c r="G246" s="3" t="s">
        <v>788</v>
      </c>
      <c r="H246" s="3" t="s">
        <v>50</v>
      </c>
      <c r="I246" s="3" t="s">
        <v>37</v>
      </c>
      <c r="J246" s="3" t="s">
        <v>789</v>
      </c>
      <c r="K246" s="3" t="s">
        <v>32</v>
      </c>
      <c r="L246" s="3" t="s">
        <v>33</v>
      </c>
      <c r="M246" s="3" t="s">
        <v>69</v>
      </c>
      <c r="N246" s="3" t="s">
        <v>159</v>
      </c>
      <c r="O246" s="3" t="s">
        <v>54</v>
      </c>
      <c r="P246" s="3" t="s">
        <v>55</v>
      </c>
      <c r="Q246" s="3" t="s">
        <v>37</v>
      </c>
      <c r="R246" s="3" t="s">
        <v>39</v>
      </c>
      <c r="S246" s="3" t="s">
        <v>790</v>
      </c>
      <c r="T246" s="3"/>
      <c r="U246" s="3" t="s">
        <v>37</v>
      </c>
      <c r="V246" s="3" t="s">
        <v>37</v>
      </c>
    </row>
    <row r="247" spans="1:22" x14ac:dyDescent="0.25">
      <c r="A247" s="3" t="s">
        <v>22</v>
      </c>
      <c r="B247" s="4" t="s">
        <v>816</v>
      </c>
      <c r="C247" s="3" t="s">
        <v>817</v>
      </c>
      <c r="D247" s="5" t="s">
        <v>390</v>
      </c>
      <c r="E247" s="3" t="s">
        <v>74</v>
      </c>
      <c r="F247" s="3" t="s">
        <v>822</v>
      </c>
      <c r="G247" s="3" t="s">
        <v>823</v>
      </c>
      <c r="H247" s="3" t="s">
        <v>50</v>
      </c>
      <c r="I247" s="3" t="s">
        <v>37</v>
      </c>
      <c r="J247" s="3" t="s">
        <v>824</v>
      </c>
      <c r="K247" s="3" t="s">
        <v>32</v>
      </c>
      <c r="L247" s="3" t="s">
        <v>33</v>
      </c>
      <c r="M247" s="3" t="s">
        <v>69</v>
      </c>
      <c r="N247" s="3" t="s">
        <v>159</v>
      </c>
      <c r="O247" s="3" t="s">
        <v>54</v>
      </c>
      <c r="P247" s="3" t="s">
        <v>55</v>
      </c>
      <c r="Q247" s="3" t="s">
        <v>37</v>
      </c>
      <c r="R247" s="3" t="s">
        <v>39</v>
      </c>
      <c r="S247" s="3" t="s">
        <v>825</v>
      </c>
      <c r="T247" s="3"/>
      <c r="U247" s="3" t="s">
        <v>37</v>
      </c>
      <c r="V247" s="3" t="s">
        <v>37</v>
      </c>
    </row>
    <row r="248" spans="1:22" x14ac:dyDescent="0.25">
      <c r="A248" s="3" t="s">
        <v>22</v>
      </c>
      <c r="B248" s="4" t="s">
        <v>816</v>
      </c>
      <c r="C248" s="3" t="s">
        <v>817</v>
      </c>
      <c r="D248" s="5" t="s">
        <v>86</v>
      </c>
      <c r="E248" s="3" t="s">
        <v>394</v>
      </c>
      <c r="F248" s="3" t="s">
        <v>826</v>
      </c>
      <c r="G248" s="3" t="s">
        <v>379</v>
      </c>
      <c r="H248" s="3" t="s">
        <v>29</v>
      </c>
      <c r="I248" s="3" t="s">
        <v>396</v>
      </c>
      <c r="J248" s="3" t="s">
        <v>827</v>
      </c>
      <c r="K248" s="3" t="s">
        <v>32</v>
      </c>
      <c r="L248" s="3" t="s">
        <v>33</v>
      </c>
      <c r="M248" s="3" t="s">
        <v>34</v>
      </c>
      <c r="N248" s="3" t="s">
        <v>79</v>
      </c>
      <c r="O248" s="3" t="s">
        <v>36</v>
      </c>
      <c r="P248" s="3" t="s">
        <v>37</v>
      </c>
      <c r="Q248" s="3" t="s">
        <v>37</v>
      </c>
      <c r="R248" s="3" t="s">
        <v>39</v>
      </c>
      <c r="S248" s="3" t="s">
        <v>828</v>
      </c>
      <c r="T248" s="3"/>
      <c r="U248" s="3" t="s">
        <v>37</v>
      </c>
      <c r="V248" s="3" t="s">
        <v>37</v>
      </c>
    </row>
    <row r="249" spans="1:22" x14ac:dyDescent="0.25">
      <c r="A249" s="3" t="s">
        <v>22</v>
      </c>
      <c r="B249" s="4" t="s">
        <v>816</v>
      </c>
      <c r="C249" s="3" t="s">
        <v>817</v>
      </c>
      <c r="D249" s="5" t="s">
        <v>399</v>
      </c>
      <c r="E249" s="3" t="s">
        <v>394</v>
      </c>
      <c r="F249" s="3" t="s">
        <v>829</v>
      </c>
      <c r="G249" s="3" t="s">
        <v>295</v>
      </c>
      <c r="H249" s="3" t="s">
        <v>29</v>
      </c>
      <c r="I249" s="3" t="s">
        <v>396</v>
      </c>
      <c r="J249" s="3" t="s">
        <v>830</v>
      </c>
      <c r="K249" s="3" t="s">
        <v>32</v>
      </c>
      <c r="L249" s="3" t="s">
        <v>33</v>
      </c>
      <c r="M249" s="3" t="s">
        <v>34</v>
      </c>
      <c r="N249" s="3" t="s">
        <v>79</v>
      </c>
      <c r="O249" s="3" t="s">
        <v>36</v>
      </c>
      <c r="P249" s="3" t="s">
        <v>37</v>
      </c>
      <c r="Q249" s="3" t="s">
        <v>37</v>
      </c>
      <c r="R249" s="3" t="s">
        <v>39</v>
      </c>
      <c r="S249" s="3" t="s">
        <v>831</v>
      </c>
      <c r="T249" s="3"/>
      <c r="U249" s="3" t="s">
        <v>37</v>
      </c>
      <c r="V249" s="3" t="s">
        <v>37</v>
      </c>
    </row>
    <row r="250" spans="1:22" x14ac:dyDescent="0.25">
      <c r="A250" s="3" t="s">
        <v>22</v>
      </c>
      <c r="B250" s="4" t="s">
        <v>816</v>
      </c>
      <c r="C250" s="3" t="s">
        <v>817</v>
      </c>
      <c r="D250" s="5" t="s">
        <v>96</v>
      </c>
      <c r="E250" s="3" t="s">
        <v>405</v>
      </c>
      <c r="F250" s="3" t="s">
        <v>832</v>
      </c>
      <c r="G250" s="3" t="s">
        <v>486</v>
      </c>
      <c r="H250" s="3" t="s">
        <v>60</v>
      </c>
      <c r="I250" s="3" t="s">
        <v>37</v>
      </c>
      <c r="J250" s="3" t="s">
        <v>833</v>
      </c>
      <c r="K250" s="3" t="s">
        <v>32</v>
      </c>
      <c r="L250" s="3" t="s">
        <v>33</v>
      </c>
      <c r="M250" s="3" t="s">
        <v>69</v>
      </c>
      <c r="N250" s="3" t="s">
        <v>53</v>
      </c>
      <c r="O250" s="3" t="s">
        <v>287</v>
      </c>
      <c r="P250" s="3" t="s">
        <v>37</v>
      </c>
      <c r="Q250" s="3" t="s">
        <v>37</v>
      </c>
      <c r="R250" s="3" t="s">
        <v>39</v>
      </c>
      <c r="S250" s="3" t="s">
        <v>834</v>
      </c>
      <c r="T250" s="3"/>
      <c r="U250" s="3" t="s">
        <v>37</v>
      </c>
      <c r="V250" s="3" t="s">
        <v>37</v>
      </c>
    </row>
    <row r="251" spans="1:22" x14ac:dyDescent="0.25">
      <c r="A251" s="3" t="s">
        <v>22</v>
      </c>
      <c r="B251" s="4" t="s">
        <v>816</v>
      </c>
      <c r="C251" s="3" t="s">
        <v>817</v>
      </c>
      <c r="D251" s="5" t="s">
        <v>409</v>
      </c>
      <c r="E251" s="3" t="s">
        <v>405</v>
      </c>
      <c r="F251" s="3" t="s">
        <v>835</v>
      </c>
      <c r="G251" s="3" t="s">
        <v>607</v>
      </c>
      <c r="H251" s="3" t="s">
        <v>60</v>
      </c>
      <c r="I251" s="3" t="s">
        <v>37</v>
      </c>
      <c r="J251" s="3" t="s">
        <v>836</v>
      </c>
      <c r="K251" s="3" t="s">
        <v>32</v>
      </c>
      <c r="L251" s="3" t="s">
        <v>33</v>
      </c>
      <c r="M251" s="3" t="s">
        <v>69</v>
      </c>
      <c r="N251" s="3" t="s">
        <v>53</v>
      </c>
      <c r="O251" s="3" t="s">
        <v>287</v>
      </c>
      <c r="P251" s="3" t="s">
        <v>37</v>
      </c>
      <c r="Q251" s="3" t="s">
        <v>37</v>
      </c>
      <c r="R251" s="3" t="s">
        <v>39</v>
      </c>
      <c r="S251" s="3" t="s">
        <v>837</v>
      </c>
      <c r="T251" s="3"/>
      <c r="U251" s="3" t="s">
        <v>37</v>
      </c>
      <c r="V251" s="3" t="s">
        <v>37</v>
      </c>
    </row>
    <row r="252" spans="1:22" x14ac:dyDescent="0.25">
      <c r="A252" s="3" t="s">
        <v>22</v>
      </c>
      <c r="B252" s="4" t="s">
        <v>816</v>
      </c>
      <c r="C252" s="3" t="s">
        <v>817</v>
      </c>
      <c r="D252" s="5" t="s">
        <v>101</v>
      </c>
      <c r="E252" s="3" t="s">
        <v>405</v>
      </c>
      <c r="F252" s="3" t="s">
        <v>838</v>
      </c>
      <c r="G252" s="3" t="s">
        <v>274</v>
      </c>
      <c r="H252" s="3" t="s">
        <v>60</v>
      </c>
      <c r="I252" s="3" t="s">
        <v>37</v>
      </c>
      <c r="J252" s="3" t="s">
        <v>839</v>
      </c>
      <c r="K252" s="3" t="s">
        <v>32</v>
      </c>
      <c r="L252" s="3" t="s">
        <v>33</v>
      </c>
      <c r="M252" s="3" t="s">
        <v>69</v>
      </c>
      <c r="N252" s="3" t="s">
        <v>53</v>
      </c>
      <c r="O252" s="3" t="s">
        <v>287</v>
      </c>
      <c r="P252" s="3" t="s">
        <v>37</v>
      </c>
      <c r="Q252" s="3" t="s">
        <v>37</v>
      </c>
      <c r="R252" s="3" t="s">
        <v>39</v>
      </c>
      <c r="S252" s="3" t="s">
        <v>840</v>
      </c>
      <c r="T252" s="3"/>
      <c r="U252" s="3" t="s">
        <v>37</v>
      </c>
      <c r="V252" s="3" t="s">
        <v>37</v>
      </c>
    </row>
    <row r="253" spans="1:22" x14ac:dyDescent="0.25">
      <c r="A253" s="3" t="s">
        <v>22</v>
      </c>
      <c r="B253" s="4" t="s">
        <v>816</v>
      </c>
      <c r="C253" s="3" t="s">
        <v>817</v>
      </c>
      <c r="D253" s="5" t="s">
        <v>417</v>
      </c>
      <c r="E253" s="3" t="s">
        <v>47</v>
      </c>
      <c r="F253" s="3" t="s">
        <v>585</v>
      </c>
      <c r="G253" s="3" t="s">
        <v>570</v>
      </c>
      <c r="H253" s="3" t="s">
        <v>60</v>
      </c>
      <c r="I253" s="3" t="s">
        <v>51</v>
      </c>
      <c r="J253" s="3" t="s">
        <v>586</v>
      </c>
      <c r="K253" s="3" t="s">
        <v>32</v>
      </c>
      <c r="L253" s="3" t="s">
        <v>33</v>
      </c>
      <c r="M253" s="3" t="s">
        <v>34</v>
      </c>
      <c r="N253" s="3" t="s">
        <v>62</v>
      </c>
      <c r="O253" s="3" t="s">
        <v>54</v>
      </c>
      <c r="P253" s="3" t="s">
        <v>37</v>
      </c>
      <c r="Q253" s="3" t="s">
        <v>37</v>
      </c>
      <c r="R253" s="3" t="s">
        <v>39</v>
      </c>
      <c r="S253" s="3" t="s">
        <v>587</v>
      </c>
      <c r="T253" s="3"/>
      <c r="U253" s="3" t="s">
        <v>37</v>
      </c>
      <c r="V253" s="3" t="s">
        <v>37</v>
      </c>
    </row>
    <row r="254" spans="1:22" x14ac:dyDescent="0.25">
      <c r="A254" s="3" t="s">
        <v>22</v>
      </c>
      <c r="B254" s="4" t="s">
        <v>816</v>
      </c>
      <c r="C254" s="3" t="s">
        <v>817</v>
      </c>
      <c r="D254" s="5" t="s">
        <v>418</v>
      </c>
      <c r="E254" s="3" t="s">
        <v>47</v>
      </c>
      <c r="F254" s="3" t="s">
        <v>670</v>
      </c>
      <c r="G254" s="3" t="s">
        <v>480</v>
      </c>
      <c r="H254" s="3" t="s">
        <v>60</v>
      </c>
      <c r="I254" s="3" t="s">
        <v>51</v>
      </c>
      <c r="J254" s="3" t="s">
        <v>671</v>
      </c>
      <c r="K254" s="3" t="s">
        <v>32</v>
      </c>
      <c r="L254" s="3" t="s">
        <v>33</v>
      </c>
      <c r="M254" s="3" t="s">
        <v>34</v>
      </c>
      <c r="N254" s="3" t="s">
        <v>62</v>
      </c>
      <c r="O254" s="3" t="s">
        <v>54</v>
      </c>
      <c r="P254" s="3" t="s">
        <v>55</v>
      </c>
      <c r="Q254" s="3" t="s">
        <v>37</v>
      </c>
      <c r="R254" s="3" t="s">
        <v>39</v>
      </c>
      <c r="S254" s="3" t="s">
        <v>672</v>
      </c>
      <c r="T254" s="3"/>
      <c r="U254" s="3" t="s">
        <v>37</v>
      </c>
      <c r="V254" s="3" t="s">
        <v>37</v>
      </c>
    </row>
    <row r="255" spans="1:22" x14ac:dyDescent="0.25">
      <c r="A255" s="3" t="s">
        <v>22</v>
      </c>
      <c r="B255" s="4" t="s">
        <v>816</v>
      </c>
      <c r="C255" s="3" t="s">
        <v>817</v>
      </c>
      <c r="D255" s="5" t="s">
        <v>419</v>
      </c>
      <c r="E255" s="3" t="s">
        <v>177</v>
      </c>
      <c r="F255" s="3" t="s">
        <v>841</v>
      </c>
      <c r="G255" s="3" t="s">
        <v>72</v>
      </c>
      <c r="H255" s="3" t="s">
        <v>60</v>
      </c>
      <c r="I255" s="3" t="s">
        <v>842</v>
      </c>
      <c r="J255" s="3" t="s">
        <v>843</v>
      </c>
      <c r="K255" s="3" t="s">
        <v>32</v>
      </c>
      <c r="L255" s="3" t="s">
        <v>106</v>
      </c>
      <c r="M255" s="3" t="s">
        <v>69</v>
      </c>
      <c r="N255" s="3" t="s">
        <v>62</v>
      </c>
      <c r="O255" s="3" t="s">
        <v>36</v>
      </c>
      <c r="P255" s="3" t="s">
        <v>37</v>
      </c>
      <c r="Q255" s="3" t="s">
        <v>37</v>
      </c>
      <c r="R255" s="3" t="s">
        <v>39</v>
      </c>
      <c r="S255" s="3" t="s">
        <v>844</v>
      </c>
      <c r="T255" s="3"/>
      <c r="U255" s="3" t="s">
        <v>37</v>
      </c>
      <c r="V255" s="3" t="s">
        <v>37</v>
      </c>
    </row>
    <row r="256" spans="1:22" x14ac:dyDescent="0.25">
      <c r="A256" s="3" t="s">
        <v>22</v>
      </c>
      <c r="B256" s="4" t="s">
        <v>816</v>
      </c>
      <c r="C256" s="3" t="s">
        <v>817</v>
      </c>
      <c r="D256" s="5" t="s">
        <v>424</v>
      </c>
      <c r="E256" s="3" t="s">
        <v>177</v>
      </c>
      <c r="F256" s="3" t="s">
        <v>845</v>
      </c>
      <c r="G256" s="3" t="s">
        <v>411</v>
      </c>
      <c r="H256" s="3" t="s">
        <v>60</v>
      </c>
      <c r="I256" s="3" t="s">
        <v>846</v>
      </c>
      <c r="J256" s="3" t="s">
        <v>847</v>
      </c>
      <c r="K256" s="3" t="s">
        <v>32</v>
      </c>
      <c r="L256" s="3" t="s">
        <v>106</v>
      </c>
      <c r="M256" s="3" t="s">
        <v>69</v>
      </c>
      <c r="N256" s="3" t="s">
        <v>62</v>
      </c>
      <c r="O256" s="3" t="s">
        <v>36</v>
      </c>
      <c r="P256" s="3" t="s">
        <v>37</v>
      </c>
      <c r="Q256" s="3" t="s">
        <v>37</v>
      </c>
      <c r="R256" s="3" t="s">
        <v>39</v>
      </c>
      <c r="S256" s="3" t="s">
        <v>848</v>
      </c>
      <c r="T256" s="3"/>
      <c r="U256" s="3" t="s">
        <v>37</v>
      </c>
      <c r="V256" s="3" t="s">
        <v>37</v>
      </c>
    </row>
    <row r="257" spans="1:22" x14ac:dyDescent="0.25">
      <c r="A257" s="3" t="s">
        <v>22</v>
      </c>
      <c r="B257" s="4" t="s">
        <v>816</v>
      </c>
      <c r="C257" s="3" t="s">
        <v>817</v>
      </c>
      <c r="D257" s="5" t="s">
        <v>430</v>
      </c>
      <c r="E257" s="3" t="s">
        <v>47</v>
      </c>
      <c r="F257" s="3" t="s">
        <v>849</v>
      </c>
      <c r="G257" s="3" t="s">
        <v>369</v>
      </c>
      <c r="H257" s="3" t="s">
        <v>29</v>
      </c>
      <c r="I257" s="3" t="s">
        <v>51</v>
      </c>
      <c r="J257" s="3" t="s">
        <v>850</v>
      </c>
      <c r="K257" s="3" t="s">
        <v>32</v>
      </c>
      <c r="L257" s="3" t="s">
        <v>33</v>
      </c>
      <c r="M257" s="3" t="s">
        <v>34</v>
      </c>
      <c r="N257" s="3" t="s">
        <v>131</v>
      </c>
      <c r="O257" s="3" t="s">
        <v>54</v>
      </c>
      <c r="P257" s="3" t="s">
        <v>55</v>
      </c>
      <c r="Q257" s="3" t="s">
        <v>38</v>
      </c>
      <c r="R257" s="3" t="s">
        <v>39</v>
      </c>
      <c r="S257" s="3" t="s">
        <v>851</v>
      </c>
      <c r="T257" s="3"/>
      <c r="U257" s="3" t="s">
        <v>37</v>
      </c>
      <c r="V257" s="3" t="s">
        <v>37</v>
      </c>
    </row>
    <row r="258" spans="1:22" x14ac:dyDescent="0.25">
      <c r="A258" s="3" t="s">
        <v>22</v>
      </c>
      <c r="B258" s="4" t="s">
        <v>816</v>
      </c>
      <c r="C258" s="3" t="s">
        <v>817</v>
      </c>
      <c r="D258" s="5" t="s">
        <v>431</v>
      </c>
      <c r="E258" s="3" t="s">
        <v>47</v>
      </c>
      <c r="F258" s="3" t="s">
        <v>852</v>
      </c>
      <c r="G258" s="3" t="s">
        <v>28</v>
      </c>
      <c r="H258" s="3" t="s">
        <v>29</v>
      </c>
      <c r="I258" s="3" t="s">
        <v>51</v>
      </c>
      <c r="J258" s="3" t="s">
        <v>853</v>
      </c>
      <c r="K258" s="3" t="s">
        <v>32</v>
      </c>
      <c r="L258" s="3" t="s">
        <v>33</v>
      </c>
      <c r="M258" s="3" t="s">
        <v>34</v>
      </c>
      <c r="N258" s="3" t="s">
        <v>131</v>
      </c>
      <c r="O258" s="3" t="s">
        <v>54</v>
      </c>
      <c r="P258" s="3" t="s">
        <v>55</v>
      </c>
      <c r="Q258" s="3" t="s">
        <v>38</v>
      </c>
      <c r="R258" s="3" t="s">
        <v>39</v>
      </c>
      <c r="S258" s="3" t="s">
        <v>854</v>
      </c>
      <c r="T258" s="3"/>
      <c r="U258" s="3" t="s">
        <v>37</v>
      </c>
      <c r="V258" s="3" t="s">
        <v>37</v>
      </c>
    </row>
    <row r="259" spans="1:22" x14ac:dyDescent="0.25">
      <c r="A259" s="3" t="s">
        <v>22</v>
      </c>
      <c r="B259" s="4" t="s">
        <v>816</v>
      </c>
      <c r="C259" s="3" t="s">
        <v>817</v>
      </c>
      <c r="D259" s="5" t="s">
        <v>138</v>
      </c>
      <c r="E259" s="3" t="s">
        <v>155</v>
      </c>
      <c r="F259" s="3" t="s">
        <v>855</v>
      </c>
      <c r="G259" s="3" t="s">
        <v>486</v>
      </c>
      <c r="H259" s="3" t="s">
        <v>60</v>
      </c>
      <c r="I259" s="3" t="s">
        <v>37</v>
      </c>
      <c r="J259" s="3" t="s">
        <v>856</v>
      </c>
      <c r="K259" s="3" t="s">
        <v>32</v>
      </c>
      <c r="L259" s="3" t="s">
        <v>33</v>
      </c>
      <c r="M259" s="3" t="s">
        <v>34</v>
      </c>
      <c r="N259" s="3" t="s">
        <v>159</v>
      </c>
      <c r="O259" s="3" t="s">
        <v>54</v>
      </c>
      <c r="P259" s="3" t="s">
        <v>37</v>
      </c>
      <c r="Q259" s="3" t="s">
        <v>37</v>
      </c>
      <c r="R259" s="3" t="s">
        <v>39</v>
      </c>
      <c r="S259" s="3" t="s">
        <v>857</v>
      </c>
      <c r="T259" s="3"/>
      <c r="U259" s="3" t="s">
        <v>37</v>
      </c>
      <c r="V259" s="3" t="s">
        <v>37</v>
      </c>
    </row>
    <row r="260" spans="1:22" x14ac:dyDescent="0.25">
      <c r="A260" s="3" t="s">
        <v>22</v>
      </c>
      <c r="B260" s="4" t="s">
        <v>816</v>
      </c>
      <c r="C260" s="3" t="s">
        <v>817</v>
      </c>
      <c r="D260" s="5" t="s">
        <v>152</v>
      </c>
      <c r="E260" s="3" t="s">
        <v>436</v>
      </c>
      <c r="F260" s="3" t="s">
        <v>858</v>
      </c>
      <c r="G260" s="3" t="s">
        <v>49</v>
      </c>
      <c r="H260" s="3" t="s">
        <v>60</v>
      </c>
      <c r="I260" s="3" t="s">
        <v>859</v>
      </c>
      <c r="J260" s="3" t="s">
        <v>860</v>
      </c>
      <c r="K260" s="3" t="s">
        <v>32</v>
      </c>
      <c r="L260" s="3" t="s">
        <v>33</v>
      </c>
      <c r="M260" s="3" t="s">
        <v>69</v>
      </c>
      <c r="N260" s="3" t="s">
        <v>440</v>
      </c>
      <c r="O260" s="3" t="s">
        <v>54</v>
      </c>
      <c r="P260" s="3" t="s">
        <v>37</v>
      </c>
      <c r="Q260" s="3" t="s">
        <v>37</v>
      </c>
      <c r="R260" s="3" t="s">
        <v>39</v>
      </c>
      <c r="S260" s="3" t="s">
        <v>861</v>
      </c>
      <c r="T260" s="3"/>
      <c r="U260" s="3" t="s">
        <v>37</v>
      </c>
      <c r="V260" s="3" t="s">
        <v>37</v>
      </c>
    </row>
    <row r="261" spans="1:22" x14ac:dyDescent="0.25">
      <c r="A261" s="3" t="s">
        <v>22</v>
      </c>
      <c r="B261" s="4" t="s">
        <v>816</v>
      </c>
      <c r="C261" s="3" t="s">
        <v>817</v>
      </c>
      <c r="D261" s="5" t="s">
        <v>302</v>
      </c>
      <c r="E261" s="3" t="s">
        <v>436</v>
      </c>
      <c r="F261" s="3" t="s">
        <v>862</v>
      </c>
      <c r="G261" s="3" t="s">
        <v>321</v>
      </c>
      <c r="H261" s="3" t="s">
        <v>60</v>
      </c>
      <c r="I261" s="3" t="s">
        <v>859</v>
      </c>
      <c r="J261" s="3" t="s">
        <v>863</v>
      </c>
      <c r="K261" s="3" t="s">
        <v>32</v>
      </c>
      <c r="L261" s="3" t="s">
        <v>33</v>
      </c>
      <c r="M261" s="3" t="s">
        <v>69</v>
      </c>
      <c r="N261" s="3" t="s">
        <v>440</v>
      </c>
      <c r="O261" s="3" t="s">
        <v>54</v>
      </c>
      <c r="P261" s="3" t="s">
        <v>37</v>
      </c>
      <c r="Q261" s="3" t="s">
        <v>37</v>
      </c>
      <c r="R261" s="3" t="s">
        <v>39</v>
      </c>
      <c r="S261" s="3" t="s">
        <v>864</v>
      </c>
      <c r="T261" s="3"/>
      <c r="U261" s="3" t="s">
        <v>37</v>
      </c>
      <c r="V261" s="3" t="s">
        <v>37</v>
      </c>
    </row>
    <row r="262" spans="1:22" x14ac:dyDescent="0.25">
      <c r="A262" s="3" t="s">
        <v>22</v>
      </c>
      <c r="B262" s="4" t="s">
        <v>816</v>
      </c>
      <c r="C262" s="3" t="s">
        <v>817</v>
      </c>
      <c r="D262" s="5" t="s">
        <v>168</v>
      </c>
      <c r="E262" s="3" t="s">
        <v>47</v>
      </c>
      <c r="F262" s="3" t="s">
        <v>865</v>
      </c>
      <c r="G262" s="3" t="s">
        <v>455</v>
      </c>
      <c r="H262" s="3" t="s">
        <v>60</v>
      </c>
      <c r="I262" s="3" t="s">
        <v>51</v>
      </c>
      <c r="J262" s="3" t="s">
        <v>866</v>
      </c>
      <c r="K262" s="3" t="s">
        <v>32</v>
      </c>
      <c r="L262" s="3" t="s">
        <v>37</v>
      </c>
      <c r="M262" s="3" t="s">
        <v>34</v>
      </c>
      <c r="N262" s="3" t="s">
        <v>62</v>
      </c>
      <c r="O262" s="3" t="s">
        <v>54</v>
      </c>
      <c r="P262" s="3" t="s">
        <v>55</v>
      </c>
      <c r="Q262" s="3" t="s">
        <v>37</v>
      </c>
      <c r="R262" s="3" t="s">
        <v>39</v>
      </c>
      <c r="S262" s="3" t="s">
        <v>867</v>
      </c>
      <c r="T262" s="3"/>
      <c r="U262" s="3" t="s">
        <v>37</v>
      </c>
      <c r="V262" s="3" t="s">
        <v>37</v>
      </c>
    </row>
    <row r="263" spans="1:22" x14ac:dyDescent="0.25">
      <c r="A263" s="3" t="s">
        <v>22</v>
      </c>
      <c r="B263" s="4" t="s">
        <v>816</v>
      </c>
      <c r="C263" s="3" t="s">
        <v>817</v>
      </c>
      <c r="D263" s="5" t="s">
        <v>172</v>
      </c>
      <c r="E263" s="3" t="s">
        <v>47</v>
      </c>
      <c r="F263" s="3" t="s">
        <v>199</v>
      </c>
      <c r="G263" s="3" t="s">
        <v>76</v>
      </c>
      <c r="H263" s="3" t="s">
        <v>60</v>
      </c>
      <c r="I263" s="3" t="s">
        <v>51</v>
      </c>
      <c r="J263" s="3" t="s">
        <v>200</v>
      </c>
      <c r="K263" s="3" t="s">
        <v>32</v>
      </c>
      <c r="L263" s="3" t="s">
        <v>33</v>
      </c>
      <c r="M263" s="3" t="s">
        <v>34</v>
      </c>
      <c r="N263" s="3" t="s">
        <v>62</v>
      </c>
      <c r="O263" s="3" t="s">
        <v>54</v>
      </c>
      <c r="P263" s="3" t="s">
        <v>55</v>
      </c>
      <c r="Q263" s="3" t="s">
        <v>37</v>
      </c>
      <c r="R263" s="3" t="s">
        <v>39</v>
      </c>
      <c r="S263" s="3" t="s">
        <v>201</v>
      </c>
      <c r="T263" s="3"/>
      <c r="U263" s="3" t="s">
        <v>37</v>
      </c>
      <c r="V263" s="3" t="s">
        <v>37</v>
      </c>
    </row>
    <row r="264" spans="1:22" x14ac:dyDescent="0.25">
      <c r="A264" s="3" t="s">
        <v>22</v>
      </c>
      <c r="B264" s="4" t="s">
        <v>816</v>
      </c>
      <c r="C264" s="3" t="s">
        <v>817</v>
      </c>
      <c r="D264" s="5" t="s">
        <v>176</v>
      </c>
      <c r="E264" s="3" t="s">
        <v>47</v>
      </c>
      <c r="F264" s="3" t="s">
        <v>460</v>
      </c>
      <c r="G264" s="3" t="s">
        <v>29</v>
      </c>
      <c r="H264" s="3" t="s">
        <v>29</v>
      </c>
      <c r="I264" s="3" t="s">
        <v>51</v>
      </c>
      <c r="J264" s="3" t="s">
        <v>461</v>
      </c>
      <c r="K264" s="3" t="s">
        <v>32</v>
      </c>
      <c r="L264" s="3" t="s">
        <v>33</v>
      </c>
      <c r="M264" s="3" t="s">
        <v>34</v>
      </c>
      <c r="N264" s="3" t="s">
        <v>131</v>
      </c>
      <c r="O264" s="3" t="s">
        <v>54</v>
      </c>
      <c r="P264" s="3" t="s">
        <v>55</v>
      </c>
      <c r="Q264" s="3" t="s">
        <v>38</v>
      </c>
      <c r="R264" s="3" t="s">
        <v>39</v>
      </c>
      <c r="S264" s="3" t="s">
        <v>462</v>
      </c>
      <c r="T264" s="3"/>
      <c r="U264" s="3" t="s">
        <v>37</v>
      </c>
      <c r="V264" s="3" t="s">
        <v>37</v>
      </c>
    </row>
    <row r="265" spans="1:22" x14ac:dyDescent="0.25">
      <c r="A265" s="3" t="s">
        <v>22</v>
      </c>
      <c r="B265" s="4" t="s">
        <v>816</v>
      </c>
      <c r="C265" s="3" t="s">
        <v>817</v>
      </c>
      <c r="D265" s="5" t="s">
        <v>183</v>
      </c>
      <c r="E265" s="3" t="s">
        <v>47</v>
      </c>
      <c r="F265" s="3" t="s">
        <v>463</v>
      </c>
      <c r="G265" s="3" t="s">
        <v>60</v>
      </c>
      <c r="H265" s="3" t="s">
        <v>29</v>
      </c>
      <c r="I265" s="3" t="s">
        <v>464</v>
      </c>
      <c r="J265" s="3" t="s">
        <v>465</v>
      </c>
      <c r="K265" s="3" t="s">
        <v>32</v>
      </c>
      <c r="L265" s="3" t="s">
        <v>33</v>
      </c>
      <c r="M265" s="3" t="s">
        <v>34</v>
      </c>
      <c r="N265" s="3" t="s">
        <v>131</v>
      </c>
      <c r="O265" s="3" t="s">
        <v>54</v>
      </c>
      <c r="P265" s="3" t="s">
        <v>55</v>
      </c>
      <c r="Q265" s="3" t="s">
        <v>38</v>
      </c>
      <c r="R265" s="3" t="s">
        <v>39</v>
      </c>
      <c r="S265" s="3" t="s">
        <v>466</v>
      </c>
      <c r="T265" s="3"/>
      <c r="U265" s="3" t="s">
        <v>37</v>
      </c>
      <c r="V265" s="3" t="s">
        <v>37</v>
      </c>
    </row>
    <row r="266" spans="1:22" x14ac:dyDescent="0.25">
      <c r="A266" s="3" t="s">
        <v>22</v>
      </c>
      <c r="B266" s="4" t="s">
        <v>816</v>
      </c>
      <c r="C266" s="3" t="s">
        <v>817</v>
      </c>
      <c r="D266" s="5" t="s">
        <v>189</v>
      </c>
      <c r="E266" s="3" t="s">
        <v>868</v>
      </c>
      <c r="F266" s="3" t="s">
        <v>869</v>
      </c>
      <c r="G266" s="3" t="s">
        <v>870</v>
      </c>
      <c r="H266" s="3" t="s">
        <v>50</v>
      </c>
      <c r="I266" s="3" t="s">
        <v>871</v>
      </c>
      <c r="J266" s="3" t="s">
        <v>872</v>
      </c>
      <c r="K266" s="3" t="s">
        <v>32</v>
      </c>
      <c r="L266" s="3" t="s">
        <v>106</v>
      </c>
      <c r="M266" s="3" t="s">
        <v>34</v>
      </c>
      <c r="N266" s="3" t="s">
        <v>159</v>
      </c>
      <c r="O266" s="3" t="s">
        <v>37</v>
      </c>
      <c r="P266" s="3" t="s">
        <v>37</v>
      </c>
      <c r="Q266" s="3" t="s">
        <v>37</v>
      </c>
      <c r="R266" s="3" t="s">
        <v>39</v>
      </c>
      <c r="S266" s="3" t="s">
        <v>873</v>
      </c>
      <c r="T266" s="3" t="s">
        <v>126</v>
      </c>
      <c r="U266" s="3" t="s">
        <v>37</v>
      </c>
      <c r="V266" s="3" t="s">
        <v>37</v>
      </c>
    </row>
    <row r="267" spans="1:22" x14ac:dyDescent="0.25">
      <c r="A267" s="3" t="s">
        <v>22</v>
      </c>
      <c r="B267" s="4" t="s">
        <v>816</v>
      </c>
      <c r="C267" s="3" t="s">
        <v>817</v>
      </c>
      <c r="D267" s="5" t="s">
        <v>328</v>
      </c>
      <c r="E267" s="3" t="s">
        <v>868</v>
      </c>
      <c r="F267" s="3" t="s">
        <v>874</v>
      </c>
      <c r="G267" s="3" t="s">
        <v>259</v>
      </c>
      <c r="H267" s="3" t="s">
        <v>50</v>
      </c>
      <c r="I267" s="3" t="s">
        <v>875</v>
      </c>
      <c r="J267" s="3" t="s">
        <v>876</v>
      </c>
      <c r="K267" s="3" t="s">
        <v>32</v>
      </c>
      <c r="L267" s="3" t="s">
        <v>106</v>
      </c>
      <c r="M267" s="3" t="s">
        <v>34</v>
      </c>
      <c r="N267" s="3" t="s">
        <v>159</v>
      </c>
      <c r="O267" s="3" t="s">
        <v>37</v>
      </c>
      <c r="P267" s="3" t="s">
        <v>37</v>
      </c>
      <c r="Q267" s="3" t="s">
        <v>37</v>
      </c>
      <c r="R267" s="3" t="s">
        <v>39</v>
      </c>
      <c r="S267" s="3" t="s">
        <v>877</v>
      </c>
      <c r="T267" s="3" t="s">
        <v>126</v>
      </c>
      <c r="U267" s="3" t="s">
        <v>37</v>
      </c>
      <c r="V267" s="3" t="s">
        <v>37</v>
      </c>
    </row>
    <row r="268" spans="1:22" x14ac:dyDescent="0.25">
      <c r="A268" s="3" t="s">
        <v>22</v>
      </c>
      <c r="B268" s="4" t="s">
        <v>816</v>
      </c>
      <c r="C268" s="3" t="s">
        <v>817</v>
      </c>
      <c r="D268" s="5" t="s">
        <v>329</v>
      </c>
      <c r="E268" s="3" t="s">
        <v>868</v>
      </c>
      <c r="F268" s="3" t="s">
        <v>878</v>
      </c>
      <c r="G268" s="3" t="s">
        <v>568</v>
      </c>
      <c r="H268" s="3" t="s">
        <v>50</v>
      </c>
      <c r="I268" s="3" t="s">
        <v>875</v>
      </c>
      <c r="J268" s="3" t="s">
        <v>879</v>
      </c>
      <c r="K268" s="3" t="s">
        <v>32</v>
      </c>
      <c r="L268" s="3" t="s">
        <v>106</v>
      </c>
      <c r="M268" s="3" t="s">
        <v>34</v>
      </c>
      <c r="N268" s="3" t="s">
        <v>159</v>
      </c>
      <c r="O268" s="3" t="s">
        <v>37</v>
      </c>
      <c r="P268" s="3" t="s">
        <v>37</v>
      </c>
      <c r="Q268" s="3" t="s">
        <v>37</v>
      </c>
      <c r="R268" s="3" t="s">
        <v>39</v>
      </c>
      <c r="S268" s="3" t="s">
        <v>880</v>
      </c>
      <c r="T268" s="3" t="s">
        <v>126</v>
      </c>
      <c r="U268" s="3" t="s">
        <v>37</v>
      </c>
      <c r="V268" s="3" t="s">
        <v>37</v>
      </c>
    </row>
    <row r="269" spans="1:22" x14ac:dyDescent="0.25">
      <c r="A269" s="3" t="s">
        <v>22</v>
      </c>
      <c r="B269" s="4" t="s">
        <v>816</v>
      </c>
      <c r="C269" s="3" t="s">
        <v>817</v>
      </c>
      <c r="D269" s="5" t="s">
        <v>333</v>
      </c>
      <c r="E269" s="3" t="s">
        <v>47</v>
      </c>
      <c r="F269" s="3" t="s">
        <v>593</v>
      </c>
      <c r="G269" s="3" t="s">
        <v>387</v>
      </c>
      <c r="H269" s="3" t="s">
        <v>50</v>
      </c>
      <c r="I269" s="3" t="s">
        <v>51</v>
      </c>
      <c r="J269" s="3" t="s">
        <v>594</v>
      </c>
      <c r="K269" s="3" t="s">
        <v>32</v>
      </c>
      <c r="L269" s="3" t="s">
        <v>33</v>
      </c>
      <c r="M269" s="3" t="s">
        <v>34</v>
      </c>
      <c r="N269" s="3" t="s">
        <v>53</v>
      </c>
      <c r="O269" s="3" t="s">
        <v>54</v>
      </c>
      <c r="P269" s="3" t="s">
        <v>55</v>
      </c>
      <c r="Q269" s="3" t="s">
        <v>37</v>
      </c>
      <c r="R269" s="3" t="s">
        <v>39</v>
      </c>
      <c r="S269" s="3" t="s">
        <v>595</v>
      </c>
      <c r="T269" s="3"/>
      <c r="U269" s="3" t="s">
        <v>37</v>
      </c>
      <c r="V269" s="3" t="s">
        <v>37</v>
      </c>
    </row>
    <row r="270" spans="1:22" x14ac:dyDescent="0.25">
      <c r="A270" s="3" t="s">
        <v>22</v>
      </c>
      <c r="B270" s="4" t="s">
        <v>816</v>
      </c>
      <c r="C270" s="3" t="s">
        <v>817</v>
      </c>
      <c r="D270" s="5" t="s">
        <v>337</v>
      </c>
      <c r="E270" s="3" t="s">
        <v>47</v>
      </c>
      <c r="F270" s="3" t="s">
        <v>48</v>
      </c>
      <c r="G270" s="3" t="s">
        <v>49</v>
      </c>
      <c r="H270" s="3" t="s">
        <v>50</v>
      </c>
      <c r="I270" s="3" t="s">
        <v>51</v>
      </c>
      <c r="J270" s="3" t="s">
        <v>52</v>
      </c>
      <c r="K270" s="3" t="s">
        <v>32</v>
      </c>
      <c r="L270" s="3" t="s">
        <v>33</v>
      </c>
      <c r="M270" s="3" t="s">
        <v>34</v>
      </c>
      <c r="N270" s="3" t="s">
        <v>53</v>
      </c>
      <c r="O270" s="3" t="s">
        <v>54</v>
      </c>
      <c r="P270" s="3" t="s">
        <v>55</v>
      </c>
      <c r="Q270" s="3" t="s">
        <v>37</v>
      </c>
      <c r="R270" s="3" t="s">
        <v>39</v>
      </c>
      <c r="S270" s="3" t="s">
        <v>56</v>
      </c>
      <c r="T270" s="3"/>
      <c r="U270" s="3" t="s">
        <v>37</v>
      </c>
      <c r="V270" s="3" t="s">
        <v>37</v>
      </c>
    </row>
    <row r="271" spans="1:22" x14ac:dyDescent="0.25">
      <c r="A271" s="3" t="s">
        <v>22</v>
      </c>
      <c r="B271" s="4" t="s">
        <v>816</v>
      </c>
      <c r="C271" s="3" t="s">
        <v>817</v>
      </c>
      <c r="D271" s="5" t="s">
        <v>341</v>
      </c>
      <c r="E271" s="3" t="s">
        <v>47</v>
      </c>
      <c r="F271" s="3" t="s">
        <v>661</v>
      </c>
      <c r="G271" s="3" t="s">
        <v>526</v>
      </c>
      <c r="H271" s="3" t="s">
        <v>50</v>
      </c>
      <c r="I271" s="3" t="s">
        <v>51</v>
      </c>
      <c r="J271" s="3" t="s">
        <v>662</v>
      </c>
      <c r="K271" s="3" t="s">
        <v>32</v>
      </c>
      <c r="L271" s="3" t="s">
        <v>33</v>
      </c>
      <c r="M271" s="3" t="s">
        <v>34</v>
      </c>
      <c r="N271" s="3" t="s">
        <v>53</v>
      </c>
      <c r="O271" s="3" t="s">
        <v>54</v>
      </c>
      <c r="P271" s="3" t="s">
        <v>55</v>
      </c>
      <c r="Q271" s="3" t="s">
        <v>37</v>
      </c>
      <c r="R271" s="3" t="s">
        <v>39</v>
      </c>
      <c r="S271" s="3" t="s">
        <v>663</v>
      </c>
      <c r="T271" s="3"/>
      <c r="U271" s="3" t="s">
        <v>37</v>
      </c>
      <c r="V271" s="3" t="s">
        <v>37</v>
      </c>
    </row>
    <row r="272" spans="1:22" x14ac:dyDescent="0.25">
      <c r="A272" s="3" t="s">
        <v>22</v>
      </c>
      <c r="B272" s="4" t="s">
        <v>816</v>
      </c>
      <c r="C272" s="3" t="s">
        <v>817</v>
      </c>
      <c r="D272" s="5" t="s">
        <v>342</v>
      </c>
      <c r="E272" s="3" t="s">
        <v>47</v>
      </c>
      <c r="F272" s="3" t="s">
        <v>316</v>
      </c>
      <c r="G272" s="3" t="s">
        <v>317</v>
      </c>
      <c r="H272" s="3" t="s">
        <v>50</v>
      </c>
      <c r="I272" s="3" t="s">
        <v>51</v>
      </c>
      <c r="J272" s="3" t="s">
        <v>318</v>
      </c>
      <c r="K272" s="3" t="s">
        <v>32</v>
      </c>
      <c r="L272" s="3" t="s">
        <v>33</v>
      </c>
      <c r="M272" s="3" t="s">
        <v>34</v>
      </c>
      <c r="N272" s="3" t="s">
        <v>53</v>
      </c>
      <c r="O272" s="3" t="s">
        <v>54</v>
      </c>
      <c r="P272" s="3" t="s">
        <v>55</v>
      </c>
      <c r="Q272" s="3" t="s">
        <v>37</v>
      </c>
      <c r="R272" s="3" t="s">
        <v>39</v>
      </c>
      <c r="S272" s="3" t="s">
        <v>319</v>
      </c>
      <c r="T272" s="3"/>
      <c r="U272" s="3" t="s">
        <v>37</v>
      </c>
      <c r="V272" s="3" t="s">
        <v>37</v>
      </c>
    </row>
    <row r="273" spans="1:22" x14ac:dyDescent="0.25">
      <c r="A273" s="3" t="s">
        <v>22</v>
      </c>
      <c r="B273" s="4" t="s">
        <v>816</v>
      </c>
      <c r="C273" s="3" t="s">
        <v>817</v>
      </c>
      <c r="D273" s="5" t="s">
        <v>207</v>
      </c>
      <c r="E273" s="3" t="s">
        <v>177</v>
      </c>
      <c r="F273" s="3" t="s">
        <v>881</v>
      </c>
      <c r="G273" s="3" t="s">
        <v>455</v>
      </c>
      <c r="H273" s="3" t="s">
        <v>60</v>
      </c>
      <c r="I273" s="3" t="s">
        <v>882</v>
      </c>
      <c r="J273" s="3" t="s">
        <v>883</v>
      </c>
      <c r="K273" s="3" t="s">
        <v>32</v>
      </c>
      <c r="L273" s="3" t="s">
        <v>106</v>
      </c>
      <c r="M273" s="3" t="s">
        <v>69</v>
      </c>
      <c r="N273" s="3" t="s">
        <v>62</v>
      </c>
      <c r="O273" s="3" t="s">
        <v>36</v>
      </c>
      <c r="P273" s="3" t="s">
        <v>37</v>
      </c>
      <c r="Q273" s="3" t="s">
        <v>37</v>
      </c>
      <c r="R273" s="3" t="s">
        <v>39</v>
      </c>
      <c r="S273" s="3" t="s">
        <v>884</v>
      </c>
      <c r="T273" s="3"/>
      <c r="U273" s="3" t="s">
        <v>37</v>
      </c>
      <c r="V273" s="3" t="s">
        <v>37</v>
      </c>
    </row>
    <row r="274" spans="1:22" x14ac:dyDescent="0.25">
      <c r="A274" s="3" t="s">
        <v>22</v>
      </c>
      <c r="B274" s="4" t="s">
        <v>816</v>
      </c>
      <c r="C274" s="3" t="s">
        <v>817</v>
      </c>
      <c r="D274" s="5" t="s">
        <v>493</v>
      </c>
      <c r="E274" s="3" t="s">
        <v>177</v>
      </c>
      <c r="F274" s="3" t="s">
        <v>885</v>
      </c>
      <c r="G274" s="3" t="s">
        <v>76</v>
      </c>
      <c r="H274" s="3" t="s">
        <v>60</v>
      </c>
      <c r="I274" s="3" t="s">
        <v>886</v>
      </c>
      <c r="J274" s="3" t="s">
        <v>887</v>
      </c>
      <c r="K274" s="3" t="s">
        <v>32</v>
      </c>
      <c r="L274" s="3" t="s">
        <v>106</v>
      </c>
      <c r="M274" s="3" t="s">
        <v>69</v>
      </c>
      <c r="N274" s="3" t="s">
        <v>62</v>
      </c>
      <c r="O274" s="3" t="s">
        <v>36</v>
      </c>
      <c r="P274" s="3" t="s">
        <v>37</v>
      </c>
      <c r="Q274" s="3" t="s">
        <v>37</v>
      </c>
      <c r="R274" s="3" t="s">
        <v>39</v>
      </c>
      <c r="S274" s="3" t="s">
        <v>888</v>
      </c>
      <c r="T274" s="3"/>
      <c r="U274" s="3" t="s">
        <v>37</v>
      </c>
      <c r="V274" s="3" t="s">
        <v>37</v>
      </c>
    </row>
    <row r="275" spans="1:22" x14ac:dyDescent="0.25">
      <c r="A275" s="3" t="s">
        <v>22</v>
      </c>
      <c r="B275" s="4" t="s">
        <v>816</v>
      </c>
      <c r="C275" s="3" t="s">
        <v>817</v>
      </c>
      <c r="D275" s="5" t="s">
        <v>215</v>
      </c>
      <c r="E275" s="3" t="s">
        <v>498</v>
      </c>
      <c r="F275" s="3" t="s">
        <v>889</v>
      </c>
      <c r="G275" s="3" t="s">
        <v>163</v>
      </c>
      <c r="H275" s="3" t="s">
        <v>29</v>
      </c>
      <c r="I275" s="3" t="s">
        <v>37</v>
      </c>
      <c r="J275" s="3" t="s">
        <v>890</v>
      </c>
      <c r="K275" s="3" t="s">
        <v>32</v>
      </c>
      <c r="L275" s="3" t="s">
        <v>106</v>
      </c>
      <c r="M275" s="3" t="s">
        <v>69</v>
      </c>
      <c r="N275" s="3" t="s">
        <v>53</v>
      </c>
      <c r="O275" s="3" t="s">
        <v>54</v>
      </c>
      <c r="P275" s="3" t="s">
        <v>55</v>
      </c>
      <c r="Q275" s="3" t="s">
        <v>37</v>
      </c>
      <c r="R275" s="3" t="s">
        <v>39</v>
      </c>
      <c r="S275" s="3" t="s">
        <v>891</v>
      </c>
      <c r="T275" s="3"/>
      <c r="U275" s="3" t="s">
        <v>37</v>
      </c>
      <c r="V275" s="3" t="s">
        <v>37</v>
      </c>
    </row>
    <row r="276" spans="1:22" x14ac:dyDescent="0.25">
      <c r="A276" s="3" t="s">
        <v>22</v>
      </c>
      <c r="B276" s="4" t="s">
        <v>816</v>
      </c>
      <c r="C276" s="3" t="s">
        <v>817</v>
      </c>
      <c r="D276" s="5" t="s">
        <v>216</v>
      </c>
      <c r="E276" s="3" t="s">
        <v>498</v>
      </c>
      <c r="F276" s="3" t="s">
        <v>892</v>
      </c>
      <c r="G276" s="3" t="s">
        <v>195</v>
      </c>
      <c r="H276" s="3" t="s">
        <v>29</v>
      </c>
      <c r="I276" s="3" t="s">
        <v>37</v>
      </c>
      <c r="J276" s="3" t="s">
        <v>893</v>
      </c>
      <c r="K276" s="3" t="s">
        <v>32</v>
      </c>
      <c r="L276" s="3" t="s">
        <v>106</v>
      </c>
      <c r="M276" s="3" t="s">
        <v>69</v>
      </c>
      <c r="N276" s="3" t="s">
        <v>53</v>
      </c>
      <c r="O276" s="3" t="s">
        <v>36</v>
      </c>
      <c r="P276" s="3" t="s">
        <v>55</v>
      </c>
      <c r="Q276" s="3" t="s">
        <v>37</v>
      </c>
      <c r="R276" s="3" t="s">
        <v>39</v>
      </c>
      <c r="S276" s="3" t="s">
        <v>894</v>
      </c>
      <c r="T276" s="3"/>
      <c r="U276" s="3" t="s">
        <v>37</v>
      </c>
      <c r="V276" s="3" t="s">
        <v>37</v>
      </c>
    </row>
    <row r="277" spans="1:22" x14ac:dyDescent="0.25">
      <c r="A277" s="3" t="s">
        <v>22</v>
      </c>
      <c r="B277" s="4" t="s">
        <v>816</v>
      </c>
      <c r="C277" s="3" t="s">
        <v>817</v>
      </c>
      <c r="D277" s="5" t="s">
        <v>217</v>
      </c>
      <c r="E277" s="3" t="s">
        <v>505</v>
      </c>
      <c r="F277" s="3" t="s">
        <v>895</v>
      </c>
      <c r="G277" s="3" t="s">
        <v>433</v>
      </c>
      <c r="H277" s="3" t="s">
        <v>29</v>
      </c>
      <c r="I277" s="3" t="s">
        <v>896</v>
      </c>
      <c r="J277" s="3" t="s">
        <v>897</v>
      </c>
      <c r="K277" s="3" t="s">
        <v>32</v>
      </c>
      <c r="L277" s="3" t="s">
        <v>106</v>
      </c>
      <c r="M277" s="3" t="s">
        <v>510</v>
      </c>
      <c r="N277" s="3" t="s">
        <v>511</v>
      </c>
      <c r="O277" s="3" t="s">
        <v>898</v>
      </c>
      <c r="P277" s="3" t="s">
        <v>55</v>
      </c>
      <c r="Q277" s="3" t="s">
        <v>38</v>
      </c>
      <c r="R277" s="3" t="s">
        <v>39</v>
      </c>
      <c r="S277" s="3" t="s">
        <v>899</v>
      </c>
      <c r="T277" s="3"/>
      <c r="U277" s="3" t="s">
        <v>37</v>
      </c>
      <c r="V277" s="3" t="s">
        <v>37</v>
      </c>
    </row>
    <row r="278" spans="1:22" x14ac:dyDescent="0.25">
      <c r="A278" s="3"/>
      <c r="B278" s="4"/>
      <c r="C278" s="3"/>
      <c r="D278" s="5"/>
      <c r="E278" s="6" t="s">
        <v>225</v>
      </c>
      <c r="F278" s="3"/>
      <c r="G278" s="3"/>
      <c r="H278" s="3"/>
      <c r="I278" s="3"/>
      <c r="J278" s="3"/>
      <c r="K278" s="3"/>
      <c r="L278" s="3"/>
      <c r="M278" s="3"/>
      <c r="N278" s="3"/>
      <c r="O278" s="3"/>
      <c r="P278" s="3"/>
      <c r="Q278" s="3"/>
      <c r="R278" s="3"/>
      <c r="S278" s="3"/>
      <c r="T278" s="3"/>
      <c r="U278" s="3"/>
      <c r="V278" s="3"/>
    </row>
    <row r="279" spans="1:22" x14ac:dyDescent="0.25">
      <c r="A279" s="3"/>
      <c r="B279" s="4"/>
      <c r="C279" s="3"/>
      <c r="D279" s="5"/>
      <c r="E279" s="3"/>
      <c r="F279" s="3"/>
      <c r="G279" s="3"/>
      <c r="H279" s="3"/>
      <c r="I279" s="3"/>
      <c r="J279" s="3"/>
      <c r="K279" s="3"/>
      <c r="L279" s="3"/>
      <c r="M279" s="3"/>
      <c r="N279" s="3"/>
      <c r="O279" s="3"/>
      <c r="P279" s="3"/>
      <c r="Q279" s="3"/>
      <c r="R279" s="3"/>
      <c r="S279" s="3"/>
      <c r="T279" s="3"/>
      <c r="U279" s="3"/>
      <c r="V279"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54"/>
  <sheetViews>
    <sheetView tabSelected="1" workbookViewId="0">
      <selection activeCell="E14" sqref="E14"/>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8.28515625" customWidth="1"/>
    <col min="257" max="257" width="15.5703125" customWidth="1"/>
    <col min="258" max="258" width="12.42578125" customWidth="1"/>
    <col min="259" max="259" width="11.28515625" customWidth="1"/>
    <col min="260" max="260" width="13.42578125" customWidth="1"/>
    <col min="261" max="261" width="56.85546875" customWidth="1"/>
    <col min="262" max="262" width="51.85546875" customWidth="1"/>
    <col min="263" max="264" width="13.140625" customWidth="1"/>
    <col min="265" max="266" width="93.42578125" customWidth="1"/>
    <col min="267" max="268" width="25.42578125" customWidth="1"/>
    <col min="269" max="270" width="19.28515625" customWidth="1"/>
    <col min="271" max="271" width="16.28515625" customWidth="1"/>
    <col min="272" max="273" width="18.28515625" customWidth="1"/>
    <col min="274" max="274" width="19.7109375" customWidth="1"/>
    <col min="275" max="275" width="20.28515625" customWidth="1"/>
    <col min="276" max="277" width="15.140625" customWidth="1"/>
    <col min="278" max="278" width="18.28515625" customWidth="1"/>
    <col min="513" max="513" width="15.5703125" customWidth="1"/>
    <col min="514" max="514" width="12.42578125" customWidth="1"/>
    <col min="515" max="515" width="11.28515625" customWidth="1"/>
    <col min="516" max="516" width="13.42578125" customWidth="1"/>
    <col min="517" max="517" width="56.85546875" customWidth="1"/>
    <col min="518" max="518" width="51.85546875" customWidth="1"/>
    <col min="519" max="520" width="13.140625" customWidth="1"/>
    <col min="521" max="522" width="93.42578125" customWidth="1"/>
    <col min="523" max="524" width="25.42578125" customWidth="1"/>
    <col min="525" max="526" width="19.28515625" customWidth="1"/>
    <col min="527" max="527" width="16.28515625" customWidth="1"/>
    <col min="528" max="529" width="18.28515625" customWidth="1"/>
    <col min="530" max="530" width="19.7109375" customWidth="1"/>
    <col min="531" max="531" width="20.28515625" customWidth="1"/>
    <col min="532" max="533" width="15.140625" customWidth="1"/>
    <col min="534" max="534" width="18.28515625" customWidth="1"/>
    <col min="769" max="769" width="15.5703125" customWidth="1"/>
    <col min="770" max="770" width="12.42578125" customWidth="1"/>
    <col min="771" max="771" width="11.28515625" customWidth="1"/>
    <col min="772" max="772" width="13.42578125" customWidth="1"/>
    <col min="773" max="773" width="56.85546875" customWidth="1"/>
    <col min="774" max="774" width="51.85546875" customWidth="1"/>
    <col min="775" max="776" width="13.140625" customWidth="1"/>
    <col min="777" max="778" width="93.42578125" customWidth="1"/>
    <col min="779" max="780" width="25.42578125" customWidth="1"/>
    <col min="781" max="782" width="19.28515625" customWidth="1"/>
    <col min="783" max="783" width="16.28515625" customWidth="1"/>
    <col min="784" max="785" width="18.28515625" customWidth="1"/>
    <col min="786" max="786" width="19.7109375" customWidth="1"/>
    <col min="787" max="787" width="20.28515625" customWidth="1"/>
    <col min="788" max="789" width="15.140625" customWidth="1"/>
    <col min="790" max="790" width="18.28515625" customWidth="1"/>
    <col min="1025" max="1025" width="15.5703125" customWidth="1"/>
    <col min="1026" max="1026" width="12.42578125" customWidth="1"/>
    <col min="1027" max="1027" width="11.28515625" customWidth="1"/>
    <col min="1028" max="1028" width="13.42578125" customWidth="1"/>
    <col min="1029" max="1029" width="56.85546875" customWidth="1"/>
    <col min="1030" max="1030" width="51.85546875" customWidth="1"/>
    <col min="1031" max="1032" width="13.140625" customWidth="1"/>
    <col min="1033" max="1034" width="93.42578125" customWidth="1"/>
    <col min="1035" max="1036" width="25.42578125" customWidth="1"/>
    <col min="1037" max="1038" width="19.28515625" customWidth="1"/>
    <col min="1039" max="1039" width="16.28515625" customWidth="1"/>
    <col min="1040" max="1041" width="18.28515625" customWidth="1"/>
    <col min="1042" max="1042" width="19.7109375" customWidth="1"/>
    <col min="1043" max="1043" width="20.28515625" customWidth="1"/>
    <col min="1044" max="1045" width="15.140625" customWidth="1"/>
    <col min="1046" max="1046" width="18.28515625" customWidth="1"/>
    <col min="1281" max="1281" width="15.5703125" customWidth="1"/>
    <col min="1282" max="1282" width="12.42578125" customWidth="1"/>
    <col min="1283" max="1283" width="11.28515625" customWidth="1"/>
    <col min="1284" max="1284" width="13.42578125" customWidth="1"/>
    <col min="1285" max="1285" width="56.85546875" customWidth="1"/>
    <col min="1286" max="1286" width="51.85546875" customWidth="1"/>
    <col min="1287" max="1288" width="13.140625" customWidth="1"/>
    <col min="1289" max="1290" width="93.42578125" customWidth="1"/>
    <col min="1291" max="1292" width="25.42578125" customWidth="1"/>
    <col min="1293" max="1294" width="19.28515625" customWidth="1"/>
    <col min="1295" max="1295" width="16.28515625" customWidth="1"/>
    <col min="1296" max="1297" width="18.28515625" customWidth="1"/>
    <col min="1298" max="1298" width="19.7109375" customWidth="1"/>
    <col min="1299" max="1299" width="20.28515625" customWidth="1"/>
    <col min="1300" max="1301" width="15.140625" customWidth="1"/>
    <col min="1302" max="1302" width="18.28515625" customWidth="1"/>
    <col min="1537" max="1537" width="15.5703125" customWidth="1"/>
    <col min="1538" max="1538" width="12.42578125" customWidth="1"/>
    <col min="1539" max="1539" width="11.28515625" customWidth="1"/>
    <col min="1540" max="1540" width="13.42578125" customWidth="1"/>
    <col min="1541" max="1541" width="56.85546875" customWidth="1"/>
    <col min="1542" max="1542" width="51.85546875" customWidth="1"/>
    <col min="1543" max="1544" width="13.140625" customWidth="1"/>
    <col min="1545" max="1546" width="93.42578125" customWidth="1"/>
    <col min="1547" max="1548" width="25.42578125" customWidth="1"/>
    <col min="1549" max="1550" width="19.28515625" customWidth="1"/>
    <col min="1551" max="1551" width="16.28515625" customWidth="1"/>
    <col min="1552" max="1553" width="18.28515625" customWidth="1"/>
    <col min="1554" max="1554" width="19.7109375" customWidth="1"/>
    <col min="1555" max="1555" width="20.28515625" customWidth="1"/>
    <col min="1556" max="1557" width="15.140625" customWidth="1"/>
    <col min="1558" max="1558" width="18.28515625" customWidth="1"/>
    <col min="1793" max="1793" width="15.5703125" customWidth="1"/>
    <col min="1794" max="1794" width="12.42578125" customWidth="1"/>
    <col min="1795" max="1795" width="11.28515625" customWidth="1"/>
    <col min="1796" max="1796" width="13.42578125" customWidth="1"/>
    <col min="1797" max="1797" width="56.85546875" customWidth="1"/>
    <col min="1798" max="1798" width="51.85546875" customWidth="1"/>
    <col min="1799" max="1800" width="13.140625" customWidth="1"/>
    <col min="1801" max="1802" width="93.42578125" customWidth="1"/>
    <col min="1803" max="1804" width="25.42578125" customWidth="1"/>
    <col min="1805" max="1806" width="19.28515625" customWidth="1"/>
    <col min="1807" max="1807" width="16.28515625" customWidth="1"/>
    <col min="1808" max="1809" width="18.28515625" customWidth="1"/>
    <col min="1810" max="1810" width="19.7109375" customWidth="1"/>
    <col min="1811" max="1811" width="20.28515625" customWidth="1"/>
    <col min="1812" max="1813" width="15.140625" customWidth="1"/>
    <col min="1814" max="1814" width="18.28515625" customWidth="1"/>
    <col min="2049" max="2049" width="15.5703125" customWidth="1"/>
    <col min="2050" max="2050" width="12.42578125" customWidth="1"/>
    <col min="2051" max="2051" width="11.28515625" customWidth="1"/>
    <col min="2052" max="2052" width="13.42578125" customWidth="1"/>
    <col min="2053" max="2053" width="56.85546875" customWidth="1"/>
    <col min="2054" max="2054" width="51.85546875" customWidth="1"/>
    <col min="2055" max="2056" width="13.140625" customWidth="1"/>
    <col min="2057" max="2058" width="93.42578125" customWidth="1"/>
    <col min="2059" max="2060" width="25.42578125" customWidth="1"/>
    <col min="2061" max="2062" width="19.28515625" customWidth="1"/>
    <col min="2063" max="2063" width="16.28515625" customWidth="1"/>
    <col min="2064" max="2065" width="18.28515625" customWidth="1"/>
    <col min="2066" max="2066" width="19.7109375" customWidth="1"/>
    <col min="2067" max="2067" width="20.28515625" customWidth="1"/>
    <col min="2068" max="2069" width="15.140625" customWidth="1"/>
    <col min="2070" max="2070" width="18.28515625" customWidth="1"/>
    <col min="2305" max="2305" width="15.5703125" customWidth="1"/>
    <col min="2306" max="2306" width="12.42578125" customWidth="1"/>
    <col min="2307" max="2307" width="11.28515625" customWidth="1"/>
    <col min="2308" max="2308" width="13.42578125" customWidth="1"/>
    <col min="2309" max="2309" width="56.85546875" customWidth="1"/>
    <col min="2310" max="2310" width="51.85546875" customWidth="1"/>
    <col min="2311" max="2312" width="13.140625" customWidth="1"/>
    <col min="2313" max="2314" width="93.42578125" customWidth="1"/>
    <col min="2315" max="2316" width="25.42578125" customWidth="1"/>
    <col min="2317" max="2318" width="19.28515625" customWidth="1"/>
    <col min="2319" max="2319" width="16.28515625" customWidth="1"/>
    <col min="2320" max="2321" width="18.28515625" customWidth="1"/>
    <col min="2322" max="2322" width="19.7109375" customWidth="1"/>
    <col min="2323" max="2323" width="20.28515625" customWidth="1"/>
    <col min="2324" max="2325" width="15.140625" customWidth="1"/>
    <col min="2326" max="2326" width="18.28515625" customWidth="1"/>
    <col min="2561" max="2561" width="15.5703125" customWidth="1"/>
    <col min="2562" max="2562" width="12.42578125" customWidth="1"/>
    <col min="2563" max="2563" width="11.28515625" customWidth="1"/>
    <col min="2564" max="2564" width="13.42578125" customWidth="1"/>
    <col min="2565" max="2565" width="56.85546875" customWidth="1"/>
    <col min="2566" max="2566" width="51.85546875" customWidth="1"/>
    <col min="2567" max="2568" width="13.140625" customWidth="1"/>
    <col min="2569" max="2570" width="93.42578125" customWidth="1"/>
    <col min="2571" max="2572" width="25.42578125" customWidth="1"/>
    <col min="2573" max="2574" width="19.28515625" customWidth="1"/>
    <col min="2575" max="2575" width="16.28515625" customWidth="1"/>
    <col min="2576" max="2577" width="18.28515625" customWidth="1"/>
    <col min="2578" max="2578" width="19.7109375" customWidth="1"/>
    <col min="2579" max="2579" width="20.28515625" customWidth="1"/>
    <col min="2580" max="2581" width="15.140625" customWidth="1"/>
    <col min="2582" max="2582" width="18.28515625" customWidth="1"/>
    <col min="2817" max="2817" width="15.5703125" customWidth="1"/>
    <col min="2818" max="2818" width="12.42578125" customWidth="1"/>
    <col min="2819" max="2819" width="11.28515625" customWidth="1"/>
    <col min="2820" max="2820" width="13.42578125" customWidth="1"/>
    <col min="2821" max="2821" width="56.85546875" customWidth="1"/>
    <col min="2822" max="2822" width="51.85546875" customWidth="1"/>
    <col min="2823" max="2824" width="13.140625" customWidth="1"/>
    <col min="2825" max="2826" width="93.42578125" customWidth="1"/>
    <col min="2827" max="2828" width="25.42578125" customWidth="1"/>
    <col min="2829" max="2830" width="19.28515625" customWidth="1"/>
    <col min="2831" max="2831" width="16.28515625" customWidth="1"/>
    <col min="2832" max="2833" width="18.28515625" customWidth="1"/>
    <col min="2834" max="2834" width="19.7109375" customWidth="1"/>
    <col min="2835" max="2835" width="20.28515625" customWidth="1"/>
    <col min="2836" max="2837" width="15.140625" customWidth="1"/>
    <col min="2838" max="2838" width="18.28515625" customWidth="1"/>
    <col min="3073" max="3073" width="15.5703125" customWidth="1"/>
    <col min="3074" max="3074" width="12.42578125" customWidth="1"/>
    <col min="3075" max="3075" width="11.28515625" customWidth="1"/>
    <col min="3076" max="3076" width="13.42578125" customWidth="1"/>
    <col min="3077" max="3077" width="56.85546875" customWidth="1"/>
    <col min="3078" max="3078" width="51.85546875" customWidth="1"/>
    <col min="3079" max="3080" width="13.140625" customWidth="1"/>
    <col min="3081" max="3082" width="93.42578125" customWidth="1"/>
    <col min="3083" max="3084" width="25.42578125" customWidth="1"/>
    <col min="3085" max="3086" width="19.28515625" customWidth="1"/>
    <col min="3087" max="3087" width="16.28515625" customWidth="1"/>
    <col min="3088" max="3089" width="18.28515625" customWidth="1"/>
    <col min="3090" max="3090" width="19.7109375" customWidth="1"/>
    <col min="3091" max="3091" width="20.28515625" customWidth="1"/>
    <col min="3092" max="3093" width="15.140625" customWidth="1"/>
    <col min="3094" max="3094" width="18.28515625" customWidth="1"/>
    <col min="3329" max="3329" width="15.5703125" customWidth="1"/>
    <col min="3330" max="3330" width="12.42578125" customWidth="1"/>
    <col min="3331" max="3331" width="11.28515625" customWidth="1"/>
    <col min="3332" max="3332" width="13.42578125" customWidth="1"/>
    <col min="3333" max="3333" width="56.85546875" customWidth="1"/>
    <col min="3334" max="3334" width="51.85546875" customWidth="1"/>
    <col min="3335" max="3336" width="13.140625" customWidth="1"/>
    <col min="3337" max="3338" width="93.42578125" customWidth="1"/>
    <col min="3339" max="3340" width="25.42578125" customWidth="1"/>
    <col min="3341" max="3342" width="19.28515625" customWidth="1"/>
    <col min="3343" max="3343" width="16.28515625" customWidth="1"/>
    <col min="3344" max="3345" width="18.28515625" customWidth="1"/>
    <col min="3346" max="3346" width="19.7109375" customWidth="1"/>
    <col min="3347" max="3347" width="20.28515625" customWidth="1"/>
    <col min="3348" max="3349" width="15.140625" customWidth="1"/>
    <col min="3350" max="3350" width="18.28515625" customWidth="1"/>
    <col min="3585" max="3585" width="15.5703125" customWidth="1"/>
    <col min="3586" max="3586" width="12.42578125" customWidth="1"/>
    <col min="3587" max="3587" width="11.28515625" customWidth="1"/>
    <col min="3588" max="3588" width="13.42578125" customWidth="1"/>
    <col min="3589" max="3589" width="56.85546875" customWidth="1"/>
    <col min="3590" max="3590" width="51.85546875" customWidth="1"/>
    <col min="3591" max="3592" width="13.140625" customWidth="1"/>
    <col min="3593" max="3594" width="93.42578125" customWidth="1"/>
    <col min="3595" max="3596" width="25.42578125" customWidth="1"/>
    <col min="3597" max="3598" width="19.28515625" customWidth="1"/>
    <col min="3599" max="3599" width="16.28515625" customWidth="1"/>
    <col min="3600" max="3601" width="18.28515625" customWidth="1"/>
    <col min="3602" max="3602" width="19.7109375" customWidth="1"/>
    <col min="3603" max="3603" width="20.28515625" customWidth="1"/>
    <col min="3604" max="3605" width="15.140625" customWidth="1"/>
    <col min="3606" max="3606" width="18.28515625" customWidth="1"/>
    <col min="3841" max="3841" width="15.5703125" customWidth="1"/>
    <col min="3842" max="3842" width="12.42578125" customWidth="1"/>
    <col min="3843" max="3843" width="11.28515625" customWidth="1"/>
    <col min="3844" max="3844" width="13.42578125" customWidth="1"/>
    <col min="3845" max="3845" width="56.85546875" customWidth="1"/>
    <col min="3846" max="3846" width="51.85546875" customWidth="1"/>
    <col min="3847" max="3848" width="13.140625" customWidth="1"/>
    <col min="3849" max="3850" width="93.42578125" customWidth="1"/>
    <col min="3851" max="3852" width="25.42578125" customWidth="1"/>
    <col min="3853" max="3854" width="19.28515625" customWidth="1"/>
    <col min="3855" max="3855" width="16.28515625" customWidth="1"/>
    <col min="3856" max="3857" width="18.28515625" customWidth="1"/>
    <col min="3858" max="3858" width="19.7109375" customWidth="1"/>
    <col min="3859" max="3859" width="20.28515625" customWidth="1"/>
    <col min="3860" max="3861" width="15.140625" customWidth="1"/>
    <col min="3862" max="3862" width="18.28515625" customWidth="1"/>
    <col min="4097" max="4097" width="15.5703125" customWidth="1"/>
    <col min="4098" max="4098" width="12.42578125" customWidth="1"/>
    <col min="4099" max="4099" width="11.28515625" customWidth="1"/>
    <col min="4100" max="4100" width="13.42578125" customWidth="1"/>
    <col min="4101" max="4101" width="56.85546875" customWidth="1"/>
    <col min="4102" max="4102" width="51.85546875" customWidth="1"/>
    <col min="4103" max="4104" width="13.140625" customWidth="1"/>
    <col min="4105" max="4106" width="93.42578125" customWidth="1"/>
    <col min="4107" max="4108" width="25.42578125" customWidth="1"/>
    <col min="4109" max="4110" width="19.28515625" customWidth="1"/>
    <col min="4111" max="4111" width="16.28515625" customWidth="1"/>
    <col min="4112" max="4113" width="18.28515625" customWidth="1"/>
    <col min="4114" max="4114" width="19.7109375" customWidth="1"/>
    <col min="4115" max="4115" width="20.28515625" customWidth="1"/>
    <col min="4116" max="4117" width="15.140625" customWidth="1"/>
    <col min="4118" max="4118" width="18.28515625" customWidth="1"/>
    <col min="4353" max="4353" width="15.5703125" customWidth="1"/>
    <col min="4354" max="4354" width="12.42578125" customWidth="1"/>
    <col min="4355" max="4355" width="11.28515625" customWidth="1"/>
    <col min="4356" max="4356" width="13.42578125" customWidth="1"/>
    <col min="4357" max="4357" width="56.85546875" customWidth="1"/>
    <col min="4358" max="4358" width="51.85546875" customWidth="1"/>
    <col min="4359" max="4360" width="13.140625" customWidth="1"/>
    <col min="4361" max="4362" width="93.42578125" customWidth="1"/>
    <col min="4363" max="4364" width="25.42578125" customWidth="1"/>
    <col min="4365" max="4366" width="19.28515625" customWidth="1"/>
    <col min="4367" max="4367" width="16.28515625" customWidth="1"/>
    <col min="4368" max="4369" width="18.28515625" customWidth="1"/>
    <col min="4370" max="4370" width="19.7109375" customWidth="1"/>
    <col min="4371" max="4371" width="20.28515625" customWidth="1"/>
    <col min="4372" max="4373" width="15.140625" customWidth="1"/>
    <col min="4374" max="4374" width="18.28515625" customWidth="1"/>
    <col min="4609" max="4609" width="15.5703125" customWidth="1"/>
    <col min="4610" max="4610" width="12.42578125" customWidth="1"/>
    <col min="4611" max="4611" width="11.28515625" customWidth="1"/>
    <col min="4612" max="4612" width="13.42578125" customWidth="1"/>
    <col min="4613" max="4613" width="56.85546875" customWidth="1"/>
    <col min="4614" max="4614" width="51.85546875" customWidth="1"/>
    <col min="4615" max="4616" width="13.140625" customWidth="1"/>
    <col min="4617" max="4618" width="93.42578125" customWidth="1"/>
    <col min="4619" max="4620" width="25.42578125" customWidth="1"/>
    <col min="4621" max="4622" width="19.28515625" customWidth="1"/>
    <col min="4623" max="4623" width="16.28515625" customWidth="1"/>
    <col min="4624" max="4625" width="18.28515625" customWidth="1"/>
    <col min="4626" max="4626" width="19.7109375" customWidth="1"/>
    <col min="4627" max="4627" width="20.28515625" customWidth="1"/>
    <col min="4628" max="4629" width="15.140625" customWidth="1"/>
    <col min="4630" max="4630" width="18.28515625" customWidth="1"/>
    <col min="4865" max="4865" width="15.5703125" customWidth="1"/>
    <col min="4866" max="4866" width="12.42578125" customWidth="1"/>
    <col min="4867" max="4867" width="11.28515625" customWidth="1"/>
    <col min="4868" max="4868" width="13.42578125" customWidth="1"/>
    <col min="4869" max="4869" width="56.85546875" customWidth="1"/>
    <col min="4870" max="4870" width="51.85546875" customWidth="1"/>
    <col min="4871" max="4872" width="13.140625" customWidth="1"/>
    <col min="4873" max="4874" width="93.42578125" customWidth="1"/>
    <col min="4875" max="4876" width="25.42578125" customWidth="1"/>
    <col min="4877" max="4878" width="19.28515625" customWidth="1"/>
    <col min="4879" max="4879" width="16.28515625" customWidth="1"/>
    <col min="4880" max="4881" width="18.28515625" customWidth="1"/>
    <col min="4882" max="4882" width="19.7109375" customWidth="1"/>
    <col min="4883" max="4883" width="20.28515625" customWidth="1"/>
    <col min="4884" max="4885" width="15.140625" customWidth="1"/>
    <col min="4886" max="4886" width="18.28515625" customWidth="1"/>
    <col min="5121" max="5121" width="15.5703125" customWidth="1"/>
    <col min="5122" max="5122" width="12.42578125" customWidth="1"/>
    <col min="5123" max="5123" width="11.28515625" customWidth="1"/>
    <col min="5124" max="5124" width="13.42578125" customWidth="1"/>
    <col min="5125" max="5125" width="56.85546875" customWidth="1"/>
    <col min="5126" max="5126" width="51.85546875" customWidth="1"/>
    <col min="5127" max="5128" width="13.140625" customWidth="1"/>
    <col min="5129" max="5130" width="93.42578125" customWidth="1"/>
    <col min="5131" max="5132" width="25.42578125" customWidth="1"/>
    <col min="5133" max="5134" width="19.28515625" customWidth="1"/>
    <col min="5135" max="5135" width="16.28515625" customWidth="1"/>
    <col min="5136" max="5137" width="18.28515625" customWidth="1"/>
    <col min="5138" max="5138" width="19.7109375" customWidth="1"/>
    <col min="5139" max="5139" width="20.28515625" customWidth="1"/>
    <col min="5140" max="5141" width="15.140625" customWidth="1"/>
    <col min="5142" max="5142" width="18.28515625" customWidth="1"/>
    <col min="5377" max="5377" width="15.5703125" customWidth="1"/>
    <col min="5378" max="5378" width="12.42578125" customWidth="1"/>
    <col min="5379" max="5379" width="11.28515625" customWidth="1"/>
    <col min="5380" max="5380" width="13.42578125" customWidth="1"/>
    <col min="5381" max="5381" width="56.85546875" customWidth="1"/>
    <col min="5382" max="5382" width="51.85546875" customWidth="1"/>
    <col min="5383" max="5384" width="13.140625" customWidth="1"/>
    <col min="5385" max="5386" width="93.42578125" customWidth="1"/>
    <col min="5387" max="5388" width="25.42578125" customWidth="1"/>
    <col min="5389" max="5390" width="19.28515625" customWidth="1"/>
    <col min="5391" max="5391" width="16.28515625" customWidth="1"/>
    <col min="5392" max="5393" width="18.28515625" customWidth="1"/>
    <col min="5394" max="5394" width="19.7109375" customWidth="1"/>
    <col min="5395" max="5395" width="20.28515625" customWidth="1"/>
    <col min="5396" max="5397" width="15.140625" customWidth="1"/>
    <col min="5398" max="5398" width="18.28515625" customWidth="1"/>
    <col min="5633" max="5633" width="15.5703125" customWidth="1"/>
    <col min="5634" max="5634" width="12.42578125" customWidth="1"/>
    <col min="5635" max="5635" width="11.28515625" customWidth="1"/>
    <col min="5636" max="5636" width="13.42578125" customWidth="1"/>
    <col min="5637" max="5637" width="56.85546875" customWidth="1"/>
    <col min="5638" max="5638" width="51.85546875" customWidth="1"/>
    <col min="5639" max="5640" width="13.140625" customWidth="1"/>
    <col min="5641" max="5642" width="93.42578125" customWidth="1"/>
    <col min="5643" max="5644" width="25.42578125" customWidth="1"/>
    <col min="5645" max="5646" width="19.28515625" customWidth="1"/>
    <col min="5647" max="5647" width="16.28515625" customWidth="1"/>
    <col min="5648" max="5649" width="18.28515625" customWidth="1"/>
    <col min="5650" max="5650" width="19.7109375" customWidth="1"/>
    <col min="5651" max="5651" width="20.28515625" customWidth="1"/>
    <col min="5652" max="5653" width="15.140625" customWidth="1"/>
    <col min="5654" max="5654" width="18.28515625" customWidth="1"/>
    <col min="5889" max="5889" width="15.5703125" customWidth="1"/>
    <col min="5890" max="5890" width="12.42578125" customWidth="1"/>
    <col min="5891" max="5891" width="11.28515625" customWidth="1"/>
    <col min="5892" max="5892" width="13.42578125" customWidth="1"/>
    <col min="5893" max="5893" width="56.85546875" customWidth="1"/>
    <col min="5894" max="5894" width="51.85546875" customWidth="1"/>
    <col min="5895" max="5896" width="13.140625" customWidth="1"/>
    <col min="5897" max="5898" width="93.42578125" customWidth="1"/>
    <col min="5899" max="5900" width="25.42578125" customWidth="1"/>
    <col min="5901" max="5902" width="19.28515625" customWidth="1"/>
    <col min="5903" max="5903" width="16.28515625" customWidth="1"/>
    <col min="5904" max="5905" width="18.28515625" customWidth="1"/>
    <col min="5906" max="5906" width="19.7109375" customWidth="1"/>
    <col min="5907" max="5907" width="20.28515625" customWidth="1"/>
    <col min="5908" max="5909" width="15.140625" customWidth="1"/>
    <col min="5910" max="5910" width="18.28515625" customWidth="1"/>
    <col min="6145" max="6145" width="15.5703125" customWidth="1"/>
    <col min="6146" max="6146" width="12.42578125" customWidth="1"/>
    <col min="6147" max="6147" width="11.28515625" customWidth="1"/>
    <col min="6148" max="6148" width="13.42578125" customWidth="1"/>
    <col min="6149" max="6149" width="56.85546875" customWidth="1"/>
    <col min="6150" max="6150" width="51.85546875" customWidth="1"/>
    <col min="6151" max="6152" width="13.140625" customWidth="1"/>
    <col min="6153" max="6154" width="93.42578125" customWidth="1"/>
    <col min="6155" max="6156" width="25.42578125" customWidth="1"/>
    <col min="6157" max="6158" width="19.28515625" customWidth="1"/>
    <col min="6159" max="6159" width="16.28515625" customWidth="1"/>
    <col min="6160" max="6161" width="18.28515625" customWidth="1"/>
    <col min="6162" max="6162" width="19.7109375" customWidth="1"/>
    <col min="6163" max="6163" width="20.28515625" customWidth="1"/>
    <col min="6164" max="6165" width="15.140625" customWidth="1"/>
    <col min="6166" max="6166" width="18.28515625" customWidth="1"/>
    <col min="6401" max="6401" width="15.5703125" customWidth="1"/>
    <col min="6402" max="6402" width="12.42578125" customWidth="1"/>
    <col min="6403" max="6403" width="11.28515625" customWidth="1"/>
    <col min="6404" max="6404" width="13.42578125" customWidth="1"/>
    <col min="6405" max="6405" width="56.85546875" customWidth="1"/>
    <col min="6406" max="6406" width="51.85546875" customWidth="1"/>
    <col min="6407" max="6408" width="13.140625" customWidth="1"/>
    <col min="6409" max="6410" width="93.42578125" customWidth="1"/>
    <col min="6411" max="6412" width="25.42578125" customWidth="1"/>
    <col min="6413" max="6414" width="19.28515625" customWidth="1"/>
    <col min="6415" max="6415" width="16.28515625" customWidth="1"/>
    <col min="6416" max="6417" width="18.28515625" customWidth="1"/>
    <col min="6418" max="6418" width="19.7109375" customWidth="1"/>
    <col min="6419" max="6419" width="20.28515625" customWidth="1"/>
    <col min="6420" max="6421" width="15.140625" customWidth="1"/>
    <col min="6422" max="6422" width="18.28515625" customWidth="1"/>
    <col min="6657" max="6657" width="15.5703125" customWidth="1"/>
    <col min="6658" max="6658" width="12.42578125" customWidth="1"/>
    <col min="6659" max="6659" width="11.28515625" customWidth="1"/>
    <col min="6660" max="6660" width="13.42578125" customWidth="1"/>
    <col min="6661" max="6661" width="56.85546875" customWidth="1"/>
    <col min="6662" max="6662" width="51.85546875" customWidth="1"/>
    <col min="6663" max="6664" width="13.140625" customWidth="1"/>
    <col min="6665" max="6666" width="93.42578125" customWidth="1"/>
    <col min="6667" max="6668" width="25.42578125" customWidth="1"/>
    <col min="6669" max="6670" width="19.28515625" customWidth="1"/>
    <col min="6671" max="6671" width="16.28515625" customWidth="1"/>
    <col min="6672" max="6673" width="18.28515625" customWidth="1"/>
    <col min="6674" max="6674" width="19.7109375" customWidth="1"/>
    <col min="6675" max="6675" width="20.28515625" customWidth="1"/>
    <col min="6676" max="6677" width="15.140625" customWidth="1"/>
    <col min="6678" max="6678" width="18.28515625" customWidth="1"/>
    <col min="6913" max="6913" width="15.5703125" customWidth="1"/>
    <col min="6914" max="6914" width="12.42578125" customWidth="1"/>
    <col min="6915" max="6915" width="11.28515625" customWidth="1"/>
    <col min="6916" max="6916" width="13.42578125" customWidth="1"/>
    <col min="6917" max="6917" width="56.85546875" customWidth="1"/>
    <col min="6918" max="6918" width="51.85546875" customWidth="1"/>
    <col min="6919" max="6920" width="13.140625" customWidth="1"/>
    <col min="6921" max="6922" width="93.42578125" customWidth="1"/>
    <col min="6923" max="6924" width="25.42578125" customWidth="1"/>
    <col min="6925" max="6926" width="19.28515625" customWidth="1"/>
    <col min="6927" max="6927" width="16.28515625" customWidth="1"/>
    <col min="6928" max="6929" width="18.28515625" customWidth="1"/>
    <col min="6930" max="6930" width="19.7109375" customWidth="1"/>
    <col min="6931" max="6931" width="20.28515625" customWidth="1"/>
    <col min="6932" max="6933" width="15.140625" customWidth="1"/>
    <col min="6934" max="6934" width="18.28515625" customWidth="1"/>
    <col min="7169" max="7169" width="15.5703125" customWidth="1"/>
    <col min="7170" max="7170" width="12.42578125" customWidth="1"/>
    <col min="7171" max="7171" width="11.28515625" customWidth="1"/>
    <col min="7172" max="7172" width="13.42578125" customWidth="1"/>
    <col min="7173" max="7173" width="56.85546875" customWidth="1"/>
    <col min="7174" max="7174" width="51.85546875" customWidth="1"/>
    <col min="7175" max="7176" width="13.140625" customWidth="1"/>
    <col min="7177" max="7178" width="93.42578125" customWidth="1"/>
    <col min="7179" max="7180" width="25.42578125" customWidth="1"/>
    <col min="7181" max="7182" width="19.28515625" customWidth="1"/>
    <col min="7183" max="7183" width="16.28515625" customWidth="1"/>
    <col min="7184" max="7185" width="18.28515625" customWidth="1"/>
    <col min="7186" max="7186" width="19.7109375" customWidth="1"/>
    <col min="7187" max="7187" width="20.28515625" customWidth="1"/>
    <col min="7188" max="7189" width="15.140625" customWidth="1"/>
    <col min="7190" max="7190" width="18.28515625" customWidth="1"/>
    <col min="7425" max="7425" width="15.5703125" customWidth="1"/>
    <col min="7426" max="7426" width="12.42578125" customWidth="1"/>
    <col min="7427" max="7427" width="11.28515625" customWidth="1"/>
    <col min="7428" max="7428" width="13.42578125" customWidth="1"/>
    <col min="7429" max="7429" width="56.85546875" customWidth="1"/>
    <col min="7430" max="7430" width="51.85546875" customWidth="1"/>
    <col min="7431" max="7432" width="13.140625" customWidth="1"/>
    <col min="7433" max="7434" width="93.42578125" customWidth="1"/>
    <col min="7435" max="7436" width="25.42578125" customWidth="1"/>
    <col min="7437" max="7438" width="19.28515625" customWidth="1"/>
    <col min="7439" max="7439" width="16.28515625" customWidth="1"/>
    <col min="7440" max="7441" width="18.28515625" customWidth="1"/>
    <col min="7442" max="7442" width="19.7109375" customWidth="1"/>
    <col min="7443" max="7443" width="20.28515625" customWidth="1"/>
    <col min="7444" max="7445" width="15.140625" customWidth="1"/>
    <col min="7446" max="7446" width="18.28515625" customWidth="1"/>
    <col min="7681" max="7681" width="15.5703125" customWidth="1"/>
    <col min="7682" max="7682" width="12.42578125" customWidth="1"/>
    <col min="7683" max="7683" width="11.28515625" customWidth="1"/>
    <col min="7684" max="7684" width="13.42578125" customWidth="1"/>
    <col min="7685" max="7685" width="56.85546875" customWidth="1"/>
    <col min="7686" max="7686" width="51.85546875" customWidth="1"/>
    <col min="7687" max="7688" width="13.140625" customWidth="1"/>
    <col min="7689" max="7690" width="93.42578125" customWidth="1"/>
    <col min="7691" max="7692" width="25.42578125" customWidth="1"/>
    <col min="7693" max="7694" width="19.28515625" customWidth="1"/>
    <col min="7695" max="7695" width="16.28515625" customWidth="1"/>
    <col min="7696" max="7697" width="18.28515625" customWidth="1"/>
    <col min="7698" max="7698" width="19.7109375" customWidth="1"/>
    <col min="7699" max="7699" width="20.28515625" customWidth="1"/>
    <col min="7700" max="7701" width="15.140625" customWidth="1"/>
    <col min="7702" max="7702" width="18.28515625" customWidth="1"/>
    <col min="7937" max="7937" width="15.5703125" customWidth="1"/>
    <col min="7938" max="7938" width="12.42578125" customWidth="1"/>
    <col min="7939" max="7939" width="11.28515625" customWidth="1"/>
    <col min="7940" max="7940" width="13.42578125" customWidth="1"/>
    <col min="7941" max="7941" width="56.85546875" customWidth="1"/>
    <col min="7942" max="7942" width="51.85546875" customWidth="1"/>
    <col min="7943" max="7944" width="13.140625" customWidth="1"/>
    <col min="7945" max="7946" width="93.42578125" customWidth="1"/>
    <col min="7947" max="7948" width="25.42578125" customWidth="1"/>
    <col min="7949" max="7950" width="19.28515625" customWidth="1"/>
    <col min="7951" max="7951" width="16.28515625" customWidth="1"/>
    <col min="7952" max="7953" width="18.28515625" customWidth="1"/>
    <col min="7954" max="7954" width="19.7109375" customWidth="1"/>
    <col min="7955" max="7955" width="20.28515625" customWidth="1"/>
    <col min="7956" max="7957" width="15.140625" customWidth="1"/>
    <col min="7958" max="7958" width="18.28515625" customWidth="1"/>
    <col min="8193" max="8193" width="15.5703125" customWidth="1"/>
    <col min="8194" max="8194" width="12.42578125" customWidth="1"/>
    <col min="8195" max="8195" width="11.28515625" customWidth="1"/>
    <col min="8196" max="8196" width="13.42578125" customWidth="1"/>
    <col min="8197" max="8197" width="56.85546875" customWidth="1"/>
    <col min="8198" max="8198" width="51.85546875" customWidth="1"/>
    <col min="8199" max="8200" width="13.140625" customWidth="1"/>
    <col min="8201" max="8202" width="93.42578125" customWidth="1"/>
    <col min="8203" max="8204" width="25.42578125" customWidth="1"/>
    <col min="8205" max="8206" width="19.28515625" customWidth="1"/>
    <col min="8207" max="8207" width="16.28515625" customWidth="1"/>
    <col min="8208" max="8209" width="18.28515625" customWidth="1"/>
    <col min="8210" max="8210" width="19.7109375" customWidth="1"/>
    <col min="8211" max="8211" width="20.28515625" customWidth="1"/>
    <col min="8212" max="8213" width="15.140625" customWidth="1"/>
    <col min="8214" max="8214" width="18.28515625" customWidth="1"/>
    <col min="8449" max="8449" width="15.5703125" customWidth="1"/>
    <col min="8450" max="8450" width="12.42578125" customWidth="1"/>
    <col min="8451" max="8451" width="11.28515625" customWidth="1"/>
    <col min="8452" max="8452" width="13.42578125" customWidth="1"/>
    <col min="8453" max="8453" width="56.85546875" customWidth="1"/>
    <col min="8454" max="8454" width="51.85546875" customWidth="1"/>
    <col min="8455" max="8456" width="13.140625" customWidth="1"/>
    <col min="8457" max="8458" width="93.42578125" customWidth="1"/>
    <col min="8459" max="8460" width="25.42578125" customWidth="1"/>
    <col min="8461" max="8462" width="19.28515625" customWidth="1"/>
    <col min="8463" max="8463" width="16.28515625" customWidth="1"/>
    <col min="8464" max="8465" width="18.28515625" customWidth="1"/>
    <col min="8466" max="8466" width="19.7109375" customWidth="1"/>
    <col min="8467" max="8467" width="20.28515625" customWidth="1"/>
    <col min="8468" max="8469" width="15.140625" customWidth="1"/>
    <col min="8470" max="8470" width="18.28515625" customWidth="1"/>
    <col min="8705" max="8705" width="15.5703125" customWidth="1"/>
    <col min="8706" max="8706" width="12.42578125" customWidth="1"/>
    <col min="8707" max="8707" width="11.28515625" customWidth="1"/>
    <col min="8708" max="8708" width="13.42578125" customWidth="1"/>
    <col min="8709" max="8709" width="56.85546875" customWidth="1"/>
    <col min="8710" max="8710" width="51.85546875" customWidth="1"/>
    <col min="8711" max="8712" width="13.140625" customWidth="1"/>
    <col min="8713" max="8714" width="93.42578125" customWidth="1"/>
    <col min="8715" max="8716" width="25.42578125" customWidth="1"/>
    <col min="8717" max="8718" width="19.28515625" customWidth="1"/>
    <col min="8719" max="8719" width="16.28515625" customWidth="1"/>
    <col min="8720" max="8721" width="18.28515625" customWidth="1"/>
    <col min="8722" max="8722" width="19.7109375" customWidth="1"/>
    <col min="8723" max="8723" width="20.28515625" customWidth="1"/>
    <col min="8724" max="8725" width="15.140625" customWidth="1"/>
    <col min="8726" max="8726" width="18.28515625" customWidth="1"/>
    <col min="8961" max="8961" width="15.5703125" customWidth="1"/>
    <col min="8962" max="8962" width="12.42578125" customWidth="1"/>
    <col min="8963" max="8963" width="11.28515625" customWidth="1"/>
    <col min="8964" max="8964" width="13.42578125" customWidth="1"/>
    <col min="8965" max="8965" width="56.85546875" customWidth="1"/>
    <col min="8966" max="8966" width="51.85546875" customWidth="1"/>
    <col min="8967" max="8968" width="13.140625" customWidth="1"/>
    <col min="8969" max="8970" width="93.42578125" customWidth="1"/>
    <col min="8971" max="8972" width="25.42578125" customWidth="1"/>
    <col min="8973" max="8974" width="19.28515625" customWidth="1"/>
    <col min="8975" max="8975" width="16.28515625" customWidth="1"/>
    <col min="8976" max="8977" width="18.28515625" customWidth="1"/>
    <col min="8978" max="8978" width="19.7109375" customWidth="1"/>
    <col min="8979" max="8979" width="20.28515625" customWidth="1"/>
    <col min="8980" max="8981" width="15.140625" customWidth="1"/>
    <col min="8982" max="8982" width="18.28515625" customWidth="1"/>
    <col min="9217" max="9217" width="15.5703125" customWidth="1"/>
    <col min="9218" max="9218" width="12.42578125" customWidth="1"/>
    <col min="9219" max="9219" width="11.28515625" customWidth="1"/>
    <col min="9220" max="9220" width="13.42578125" customWidth="1"/>
    <col min="9221" max="9221" width="56.85546875" customWidth="1"/>
    <col min="9222" max="9222" width="51.85546875" customWidth="1"/>
    <col min="9223" max="9224" width="13.140625" customWidth="1"/>
    <col min="9225" max="9226" width="93.42578125" customWidth="1"/>
    <col min="9227" max="9228" width="25.42578125" customWidth="1"/>
    <col min="9229" max="9230" width="19.28515625" customWidth="1"/>
    <col min="9231" max="9231" width="16.28515625" customWidth="1"/>
    <col min="9232" max="9233" width="18.28515625" customWidth="1"/>
    <col min="9234" max="9234" width="19.7109375" customWidth="1"/>
    <col min="9235" max="9235" width="20.28515625" customWidth="1"/>
    <col min="9236" max="9237" width="15.140625" customWidth="1"/>
    <col min="9238" max="9238" width="18.28515625" customWidth="1"/>
    <col min="9473" max="9473" width="15.5703125" customWidth="1"/>
    <col min="9474" max="9474" width="12.42578125" customWidth="1"/>
    <col min="9475" max="9475" width="11.28515625" customWidth="1"/>
    <col min="9476" max="9476" width="13.42578125" customWidth="1"/>
    <col min="9477" max="9477" width="56.85546875" customWidth="1"/>
    <col min="9478" max="9478" width="51.85546875" customWidth="1"/>
    <col min="9479" max="9480" width="13.140625" customWidth="1"/>
    <col min="9481" max="9482" width="93.42578125" customWidth="1"/>
    <col min="9483" max="9484" width="25.42578125" customWidth="1"/>
    <col min="9485" max="9486" width="19.28515625" customWidth="1"/>
    <col min="9487" max="9487" width="16.28515625" customWidth="1"/>
    <col min="9488" max="9489" width="18.28515625" customWidth="1"/>
    <col min="9490" max="9490" width="19.7109375" customWidth="1"/>
    <col min="9491" max="9491" width="20.28515625" customWidth="1"/>
    <col min="9492" max="9493" width="15.140625" customWidth="1"/>
    <col min="9494" max="9494" width="18.28515625" customWidth="1"/>
    <col min="9729" max="9729" width="15.5703125" customWidth="1"/>
    <col min="9730" max="9730" width="12.42578125" customWidth="1"/>
    <col min="9731" max="9731" width="11.28515625" customWidth="1"/>
    <col min="9732" max="9732" width="13.42578125" customWidth="1"/>
    <col min="9733" max="9733" width="56.85546875" customWidth="1"/>
    <col min="9734" max="9734" width="51.85546875" customWidth="1"/>
    <col min="9735" max="9736" width="13.140625" customWidth="1"/>
    <col min="9737" max="9738" width="93.42578125" customWidth="1"/>
    <col min="9739" max="9740" width="25.42578125" customWidth="1"/>
    <col min="9741" max="9742" width="19.28515625" customWidth="1"/>
    <col min="9743" max="9743" width="16.28515625" customWidth="1"/>
    <col min="9744" max="9745" width="18.28515625" customWidth="1"/>
    <col min="9746" max="9746" width="19.7109375" customWidth="1"/>
    <col min="9747" max="9747" width="20.28515625" customWidth="1"/>
    <col min="9748" max="9749" width="15.140625" customWidth="1"/>
    <col min="9750" max="9750" width="18.28515625" customWidth="1"/>
    <col min="9985" max="9985" width="15.5703125" customWidth="1"/>
    <col min="9986" max="9986" width="12.42578125" customWidth="1"/>
    <col min="9987" max="9987" width="11.28515625" customWidth="1"/>
    <col min="9988" max="9988" width="13.42578125" customWidth="1"/>
    <col min="9989" max="9989" width="56.85546875" customWidth="1"/>
    <col min="9990" max="9990" width="51.85546875" customWidth="1"/>
    <col min="9991" max="9992" width="13.140625" customWidth="1"/>
    <col min="9993" max="9994" width="93.42578125" customWidth="1"/>
    <col min="9995" max="9996" width="25.42578125" customWidth="1"/>
    <col min="9997" max="9998" width="19.28515625" customWidth="1"/>
    <col min="9999" max="9999" width="16.28515625" customWidth="1"/>
    <col min="10000" max="10001" width="18.28515625" customWidth="1"/>
    <col min="10002" max="10002" width="19.7109375" customWidth="1"/>
    <col min="10003" max="10003" width="20.28515625" customWidth="1"/>
    <col min="10004" max="10005" width="15.140625" customWidth="1"/>
    <col min="10006" max="10006" width="18.28515625" customWidth="1"/>
    <col min="10241" max="10241" width="15.5703125" customWidth="1"/>
    <col min="10242" max="10242" width="12.42578125" customWidth="1"/>
    <col min="10243" max="10243" width="11.28515625" customWidth="1"/>
    <col min="10244" max="10244" width="13.42578125" customWidth="1"/>
    <col min="10245" max="10245" width="56.85546875" customWidth="1"/>
    <col min="10246" max="10246" width="51.85546875" customWidth="1"/>
    <col min="10247" max="10248" width="13.140625" customWidth="1"/>
    <col min="10249" max="10250" width="93.42578125" customWidth="1"/>
    <col min="10251" max="10252" width="25.42578125" customWidth="1"/>
    <col min="10253" max="10254" width="19.28515625" customWidth="1"/>
    <col min="10255" max="10255" width="16.28515625" customWidth="1"/>
    <col min="10256" max="10257" width="18.28515625" customWidth="1"/>
    <col min="10258" max="10258" width="19.7109375" customWidth="1"/>
    <col min="10259" max="10259" width="20.28515625" customWidth="1"/>
    <col min="10260" max="10261" width="15.140625" customWidth="1"/>
    <col min="10262" max="10262" width="18.28515625" customWidth="1"/>
    <col min="10497" max="10497" width="15.5703125" customWidth="1"/>
    <col min="10498" max="10498" width="12.42578125" customWidth="1"/>
    <col min="10499" max="10499" width="11.28515625" customWidth="1"/>
    <col min="10500" max="10500" width="13.42578125" customWidth="1"/>
    <col min="10501" max="10501" width="56.85546875" customWidth="1"/>
    <col min="10502" max="10502" width="51.85546875" customWidth="1"/>
    <col min="10503" max="10504" width="13.140625" customWidth="1"/>
    <col min="10505" max="10506" width="93.42578125" customWidth="1"/>
    <col min="10507" max="10508" width="25.42578125" customWidth="1"/>
    <col min="10509" max="10510" width="19.28515625" customWidth="1"/>
    <col min="10511" max="10511" width="16.28515625" customWidth="1"/>
    <col min="10512" max="10513" width="18.28515625" customWidth="1"/>
    <col min="10514" max="10514" width="19.7109375" customWidth="1"/>
    <col min="10515" max="10515" width="20.28515625" customWidth="1"/>
    <col min="10516" max="10517" width="15.140625" customWidth="1"/>
    <col min="10518" max="10518" width="18.28515625" customWidth="1"/>
    <col min="10753" max="10753" width="15.5703125" customWidth="1"/>
    <col min="10754" max="10754" width="12.42578125" customWidth="1"/>
    <col min="10755" max="10755" width="11.28515625" customWidth="1"/>
    <col min="10756" max="10756" width="13.42578125" customWidth="1"/>
    <col min="10757" max="10757" width="56.85546875" customWidth="1"/>
    <col min="10758" max="10758" width="51.85546875" customWidth="1"/>
    <col min="10759" max="10760" width="13.140625" customWidth="1"/>
    <col min="10761" max="10762" width="93.42578125" customWidth="1"/>
    <col min="10763" max="10764" width="25.42578125" customWidth="1"/>
    <col min="10765" max="10766" width="19.28515625" customWidth="1"/>
    <col min="10767" max="10767" width="16.28515625" customWidth="1"/>
    <col min="10768" max="10769" width="18.28515625" customWidth="1"/>
    <col min="10770" max="10770" width="19.7109375" customWidth="1"/>
    <col min="10771" max="10771" width="20.28515625" customWidth="1"/>
    <col min="10772" max="10773" width="15.140625" customWidth="1"/>
    <col min="10774" max="10774" width="18.28515625" customWidth="1"/>
    <col min="11009" max="11009" width="15.5703125" customWidth="1"/>
    <col min="11010" max="11010" width="12.42578125" customWidth="1"/>
    <col min="11011" max="11011" width="11.28515625" customWidth="1"/>
    <col min="11012" max="11012" width="13.42578125" customWidth="1"/>
    <col min="11013" max="11013" width="56.85546875" customWidth="1"/>
    <col min="11014" max="11014" width="51.85546875" customWidth="1"/>
    <col min="11015" max="11016" width="13.140625" customWidth="1"/>
    <col min="11017" max="11018" width="93.42578125" customWidth="1"/>
    <col min="11019" max="11020" width="25.42578125" customWidth="1"/>
    <col min="11021" max="11022" width="19.28515625" customWidth="1"/>
    <col min="11023" max="11023" width="16.28515625" customWidth="1"/>
    <col min="11024" max="11025" width="18.28515625" customWidth="1"/>
    <col min="11026" max="11026" width="19.7109375" customWidth="1"/>
    <col min="11027" max="11027" width="20.28515625" customWidth="1"/>
    <col min="11028" max="11029" width="15.140625" customWidth="1"/>
    <col min="11030" max="11030" width="18.28515625" customWidth="1"/>
    <col min="11265" max="11265" width="15.5703125" customWidth="1"/>
    <col min="11266" max="11266" width="12.42578125" customWidth="1"/>
    <col min="11267" max="11267" width="11.28515625" customWidth="1"/>
    <col min="11268" max="11268" width="13.42578125" customWidth="1"/>
    <col min="11269" max="11269" width="56.85546875" customWidth="1"/>
    <col min="11270" max="11270" width="51.85546875" customWidth="1"/>
    <col min="11271" max="11272" width="13.140625" customWidth="1"/>
    <col min="11273" max="11274" width="93.42578125" customWidth="1"/>
    <col min="11275" max="11276" width="25.42578125" customWidth="1"/>
    <col min="11277" max="11278" width="19.28515625" customWidth="1"/>
    <col min="11279" max="11279" width="16.28515625" customWidth="1"/>
    <col min="11280" max="11281" width="18.28515625" customWidth="1"/>
    <col min="11282" max="11282" width="19.7109375" customWidth="1"/>
    <col min="11283" max="11283" width="20.28515625" customWidth="1"/>
    <col min="11284" max="11285" width="15.140625" customWidth="1"/>
    <col min="11286" max="11286" width="18.28515625" customWidth="1"/>
    <col min="11521" max="11521" width="15.5703125" customWidth="1"/>
    <col min="11522" max="11522" width="12.42578125" customWidth="1"/>
    <col min="11523" max="11523" width="11.28515625" customWidth="1"/>
    <col min="11524" max="11524" width="13.42578125" customWidth="1"/>
    <col min="11525" max="11525" width="56.85546875" customWidth="1"/>
    <col min="11526" max="11526" width="51.85546875" customWidth="1"/>
    <col min="11527" max="11528" width="13.140625" customWidth="1"/>
    <col min="11529" max="11530" width="93.42578125" customWidth="1"/>
    <col min="11531" max="11532" width="25.42578125" customWidth="1"/>
    <col min="11533" max="11534" width="19.28515625" customWidth="1"/>
    <col min="11535" max="11535" width="16.28515625" customWidth="1"/>
    <col min="11536" max="11537" width="18.28515625" customWidth="1"/>
    <col min="11538" max="11538" width="19.7109375" customWidth="1"/>
    <col min="11539" max="11539" width="20.28515625" customWidth="1"/>
    <col min="11540" max="11541" width="15.140625" customWidth="1"/>
    <col min="11542" max="11542" width="18.28515625" customWidth="1"/>
    <col min="11777" max="11777" width="15.5703125" customWidth="1"/>
    <col min="11778" max="11778" width="12.42578125" customWidth="1"/>
    <col min="11779" max="11779" width="11.28515625" customWidth="1"/>
    <col min="11780" max="11780" width="13.42578125" customWidth="1"/>
    <col min="11781" max="11781" width="56.85546875" customWidth="1"/>
    <col min="11782" max="11782" width="51.85546875" customWidth="1"/>
    <col min="11783" max="11784" width="13.140625" customWidth="1"/>
    <col min="11785" max="11786" width="93.42578125" customWidth="1"/>
    <col min="11787" max="11788" width="25.42578125" customWidth="1"/>
    <col min="11789" max="11790" width="19.28515625" customWidth="1"/>
    <col min="11791" max="11791" width="16.28515625" customWidth="1"/>
    <col min="11792" max="11793" width="18.28515625" customWidth="1"/>
    <col min="11794" max="11794" width="19.7109375" customWidth="1"/>
    <col min="11795" max="11795" width="20.28515625" customWidth="1"/>
    <col min="11796" max="11797" width="15.140625" customWidth="1"/>
    <col min="11798" max="11798" width="18.28515625" customWidth="1"/>
    <col min="12033" max="12033" width="15.5703125" customWidth="1"/>
    <col min="12034" max="12034" width="12.42578125" customWidth="1"/>
    <col min="12035" max="12035" width="11.28515625" customWidth="1"/>
    <col min="12036" max="12036" width="13.42578125" customWidth="1"/>
    <col min="12037" max="12037" width="56.85546875" customWidth="1"/>
    <col min="12038" max="12038" width="51.85546875" customWidth="1"/>
    <col min="12039" max="12040" width="13.140625" customWidth="1"/>
    <col min="12041" max="12042" width="93.42578125" customWidth="1"/>
    <col min="12043" max="12044" width="25.42578125" customWidth="1"/>
    <col min="12045" max="12046" width="19.28515625" customWidth="1"/>
    <col min="12047" max="12047" width="16.28515625" customWidth="1"/>
    <col min="12048" max="12049" width="18.28515625" customWidth="1"/>
    <col min="12050" max="12050" width="19.7109375" customWidth="1"/>
    <col min="12051" max="12051" width="20.28515625" customWidth="1"/>
    <col min="12052" max="12053" width="15.140625" customWidth="1"/>
    <col min="12054" max="12054" width="18.28515625" customWidth="1"/>
    <col min="12289" max="12289" width="15.5703125" customWidth="1"/>
    <col min="12290" max="12290" width="12.42578125" customWidth="1"/>
    <col min="12291" max="12291" width="11.28515625" customWidth="1"/>
    <col min="12292" max="12292" width="13.42578125" customWidth="1"/>
    <col min="12293" max="12293" width="56.85546875" customWidth="1"/>
    <col min="12294" max="12294" width="51.85546875" customWidth="1"/>
    <col min="12295" max="12296" width="13.140625" customWidth="1"/>
    <col min="12297" max="12298" width="93.42578125" customWidth="1"/>
    <col min="12299" max="12300" width="25.42578125" customWidth="1"/>
    <col min="12301" max="12302" width="19.28515625" customWidth="1"/>
    <col min="12303" max="12303" width="16.28515625" customWidth="1"/>
    <col min="12304" max="12305" width="18.28515625" customWidth="1"/>
    <col min="12306" max="12306" width="19.7109375" customWidth="1"/>
    <col min="12307" max="12307" width="20.28515625" customWidth="1"/>
    <col min="12308" max="12309" width="15.140625" customWidth="1"/>
    <col min="12310" max="12310" width="18.28515625" customWidth="1"/>
    <col min="12545" max="12545" width="15.5703125" customWidth="1"/>
    <col min="12546" max="12546" width="12.42578125" customWidth="1"/>
    <col min="12547" max="12547" width="11.28515625" customWidth="1"/>
    <col min="12548" max="12548" width="13.42578125" customWidth="1"/>
    <col min="12549" max="12549" width="56.85546875" customWidth="1"/>
    <col min="12550" max="12550" width="51.85546875" customWidth="1"/>
    <col min="12551" max="12552" width="13.140625" customWidth="1"/>
    <col min="12553" max="12554" width="93.42578125" customWidth="1"/>
    <col min="12555" max="12556" width="25.42578125" customWidth="1"/>
    <col min="12557" max="12558" width="19.28515625" customWidth="1"/>
    <col min="12559" max="12559" width="16.28515625" customWidth="1"/>
    <col min="12560" max="12561" width="18.28515625" customWidth="1"/>
    <col min="12562" max="12562" width="19.7109375" customWidth="1"/>
    <col min="12563" max="12563" width="20.28515625" customWidth="1"/>
    <col min="12564" max="12565" width="15.140625" customWidth="1"/>
    <col min="12566" max="12566" width="18.28515625" customWidth="1"/>
    <col min="12801" max="12801" width="15.5703125" customWidth="1"/>
    <col min="12802" max="12802" width="12.42578125" customWidth="1"/>
    <col min="12803" max="12803" width="11.28515625" customWidth="1"/>
    <col min="12804" max="12804" width="13.42578125" customWidth="1"/>
    <col min="12805" max="12805" width="56.85546875" customWidth="1"/>
    <col min="12806" max="12806" width="51.85546875" customWidth="1"/>
    <col min="12807" max="12808" width="13.140625" customWidth="1"/>
    <col min="12809" max="12810" width="93.42578125" customWidth="1"/>
    <col min="12811" max="12812" width="25.42578125" customWidth="1"/>
    <col min="12813" max="12814" width="19.28515625" customWidth="1"/>
    <col min="12815" max="12815" width="16.28515625" customWidth="1"/>
    <col min="12816" max="12817" width="18.28515625" customWidth="1"/>
    <col min="12818" max="12818" width="19.7109375" customWidth="1"/>
    <col min="12819" max="12819" width="20.28515625" customWidth="1"/>
    <col min="12820" max="12821" width="15.140625" customWidth="1"/>
    <col min="12822" max="12822" width="18.28515625" customWidth="1"/>
    <col min="13057" max="13057" width="15.5703125" customWidth="1"/>
    <col min="13058" max="13058" width="12.42578125" customWidth="1"/>
    <col min="13059" max="13059" width="11.28515625" customWidth="1"/>
    <col min="13060" max="13060" width="13.42578125" customWidth="1"/>
    <col min="13061" max="13061" width="56.85546875" customWidth="1"/>
    <col min="13062" max="13062" width="51.85546875" customWidth="1"/>
    <col min="13063" max="13064" width="13.140625" customWidth="1"/>
    <col min="13065" max="13066" width="93.42578125" customWidth="1"/>
    <col min="13067" max="13068" width="25.42578125" customWidth="1"/>
    <col min="13069" max="13070" width="19.28515625" customWidth="1"/>
    <col min="13071" max="13071" width="16.28515625" customWidth="1"/>
    <col min="13072" max="13073" width="18.28515625" customWidth="1"/>
    <col min="13074" max="13074" width="19.7109375" customWidth="1"/>
    <col min="13075" max="13075" width="20.28515625" customWidth="1"/>
    <col min="13076" max="13077" width="15.140625" customWidth="1"/>
    <col min="13078" max="13078" width="18.28515625" customWidth="1"/>
    <col min="13313" max="13313" width="15.5703125" customWidth="1"/>
    <col min="13314" max="13314" width="12.42578125" customWidth="1"/>
    <col min="13315" max="13315" width="11.28515625" customWidth="1"/>
    <col min="13316" max="13316" width="13.42578125" customWidth="1"/>
    <col min="13317" max="13317" width="56.85546875" customWidth="1"/>
    <col min="13318" max="13318" width="51.85546875" customWidth="1"/>
    <col min="13319" max="13320" width="13.140625" customWidth="1"/>
    <col min="13321" max="13322" width="93.42578125" customWidth="1"/>
    <col min="13323" max="13324" width="25.42578125" customWidth="1"/>
    <col min="13325" max="13326" width="19.28515625" customWidth="1"/>
    <col min="13327" max="13327" width="16.28515625" customWidth="1"/>
    <col min="13328" max="13329" width="18.28515625" customWidth="1"/>
    <col min="13330" max="13330" width="19.7109375" customWidth="1"/>
    <col min="13331" max="13331" width="20.28515625" customWidth="1"/>
    <col min="13332" max="13333" width="15.140625" customWidth="1"/>
    <col min="13334" max="13334" width="18.28515625" customWidth="1"/>
    <col min="13569" max="13569" width="15.5703125" customWidth="1"/>
    <col min="13570" max="13570" width="12.42578125" customWidth="1"/>
    <col min="13571" max="13571" width="11.28515625" customWidth="1"/>
    <col min="13572" max="13572" width="13.42578125" customWidth="1"/>
    <col min="13573" max="13573" width="56.85546875" customWidth="1"/>
    <col min="13574" max="13574" width="51.85546875" customWidth="1"/>
    <col min="13575" max="13576" width="13.140625" customWidth="1"/>
    <col min="13577" max="13578" width="93.42578125" customWidth="1"/>
    <col min="13579" max="13580" width="25.42578125" customWidth="1"/>
    <col min="13581" max="13582" width="19.28515625" customWidth="1"/>
    <col min="13583" max="13583" width="16.28515625" customWidth="1"/>
    <col min="13584" max="13585" width="18.28515625" customWidth="1"/>
    <col min="13586" max="13586" width="19.7109375" customWidth="1"/>
    <col min="13587" max="13587" width="20.28515625" customWidth="1"/>
    <col min="13588" max="13589" width="15.140625" customWidth="1"/>
    <col min="13590" max="13590" width="18.28515625" customWidth="1"/>
    <col min="13825" max="13825" width="15.5703125" customWidth="1"/>
    <col min="13826" max="13826" width="12.42578125" customWidth="1"/>
    <col min="13827" max="13827" width="11.28515625" customWidth="1"/>
    <col min="13828" max="13828" width="13.42578125" customWidth="1"/>
    <col min="13829" max="13829" width="56.85546875" customWidth="1"/>
    <col min="13830" max="13830" width="51.85546875" customWidth="1"/>
    <col min="13831" max="13832" width="13.140625" customWidth="1"/>
    <col min="13833" max="13834" width="93.42578125" customWidth="1"/>
    <col min="13835" max="13836" width="25.42578125" customWidth="1"/>
    <col min="13837" max="13838" width="19.28515625" customWidth="1"/>
    <col min="13839" max="13839" width="16.28515625" customWidth="1"/>
    <col min="13840" max="13841" width="18.28515625" customWidth="1"/>
    <col min="13842" max="13842" width="19.7109375" customWidth="1"/>
    <col min="13843" max="13843" width="20.28515625" customWidth="1"/>
    <col min="13844" max="13845" width="15.140625" customWidth="1"/>
    <col min="13846" max="13846" width="18.28515625" customWidth="1"/>
    <col min="14081" max="14081" width="15.5703125" customWidth="1"/>
    <col min="14082" max="14082" width="12.42578125" customWidth="1"/>
    <col min="14083" max="14083" width="11.28515625" customWidth="1"/>
    <col min="14084" max="14084" width="13.42578125" customWidth="1"/>
    <col min="14085" max="14085" width="56.85546875" customWidth="1"/>
    <col min="14086" max="14086" width="51.85546875" customWidth="1"/>
    <col min="14087" max="14088" width="13.140625" customWidth="1"/>
    <col min="14089" max="14090" width="93.42578125" customWidth="1"/>
    <col min="14091" max="14092" width="25.42578125" customWidth="1"/>
    <col min="14093" max="14094" width="19.28515625" customWidth="1"/>
    <col min="14095" max="14095" width="16.28515625" customWidth="1"/>
    <col min="14096" max="14097" width="18.28515625" customWidth="1"/>
    <col min="14098" max="14098" width="19.7109375" customWidth="1"/>
    <col min="14099" max="14099" width="20.28515625" customWidth="1"/>
    <col min="14100" max="14101" width="15.140625" customWidth="1"/>
    <col min="14102" max="14102" width="18.28515625" customWidth="1"/>
    <col min="14337" max="14337" width="15.5703125" customWidth="1"/>
    <col min="14338" max="14338" width="12.42578125" customWidth="1"/>
    <col min="14339" max="14339" width="11.28515625" customWidth="1"/>
    <col min="14340" max="14340" width="13.42578125" customWidth="1"/>
    <col min="14341" max="14341" width="56.85546875" customWidth="1"/>
    <col min="14342" max="14342" width="51.85546875" customWidth="1"/>
    <col min="14343" max="14344" width="13.140625" customWidth="1"/>
    <col min="14345" max="14346" width="93.42578125" customWidth="1"/>
    <col min="14347" max="14348" width="25.42578125" customWidth="1"/>
    <col min="14349" max="14350" width="19.28515625" customWidth="1"/>
    <col min="14351" max="14351" width="16.28515625" customWidth="1"/>
    <col min="14352" max="14353" width="18.28515625" customWidth="1"/>
    <col min="14354" max="14354" width="19.7109375" customWidth="1"/>
    <col min="14355" max="14355" width="20.28515625" customWidth="1"/>
    <col min="14356" max="14357" width="15.140625" customWidth="1"/>
    <col min="14358" max="14358" width="18.28515625" customWidth="1"/>
    <col min="14593" max="14593" width="15.5703125" customWidth="1"/>
    <col min="14594" max="14594" width="12.42578125" customWidth="1"/>
    <col min="14595" max="14595" width="11.28515625" customWidth="1"/>
    <col min="14596" max="14596" width="13.42578125" customWidth="1"/>
    <col min="14597" max="14597" width="56.85546875" customWidth="1"/>
    <col min="14598" max="14598" width="51.85546875" customWidth="1"/>
    <col min="14599" max="14600" width="13.140625" customWidth="1"/>
    <col min="14601" max="14602" width="93.42578125" customWidth="1"/>
    <col min="14603" max="14604" width="25.42578125" customWidth="1"/>
    <col min="14605" max="14606" width="19.28515625" customWidth="1"/>
    <col min="14607" max="14607" width="16.28515625" customWidth="1"/>
    <col min="14608" max="14609" width="18.28515625" customWidth="1"/>
    <col min="14610" max="14610" width="19.7109375" customWidth="1"/>
    <col min="14611" max="14611" width="20.28515625" customWidth="1"/>
    <col min="14612" max="14613" width="15.140625" customWidth="1"/>
    <col min="14614" max="14614" width="18.28515625" customWidth="1"/>
    <col min="14849" max="14849" width="15.5703125" customWidth="1"/>
    <col min="14850" max="14850" width="12.42578125" customWidth="1"/>
    <col min="14851" max="14851" width="11.28515625" customWidth="1"/>
    <col min="14852" max="14852" width="13.42578125" customWidth="1"/>
    <col min="14853" max="14853" width="56.85546875" customWidth="1"/>
    <col min="14854" max="14854" width="51.85546875" customWidth="1"/>
    <col min="14855" max="14856" width="13.140625" customWidth="1"/>
    <col min="14857" max="14858" width="93.42578125" customWidth="1"/>
    <col min="14859" max="14860" width="25.42578125" customWidth="1"/>
    <col min="14861" max="14862" width="19.28515625" customWidth="1"/>
    <col min="14863" max="14863" width="16.28515625" customWidth="1"/>
    <col min="14864" max="14865" width="18.28515625" customWidth="1"/>
    <col min="14866" max="14866" width="19.7109375" customWidth="1"/>
    <col min="14867" max="14867" width="20.28515625" customWidth="1"/>
    <col min="14868" max="14869" width="15.140625" customWidth="1"/>
    <col min="14870" max="14870" width="18.28515625" customWidth="1"/>
    <col min="15105" max="15105" width="15.5703125" customWidth="1"/>
    <col min="15106" max="15106" width="12.42578125" customWidth="1"/>
    <col min="15107" max="15107" width="11.28515625" customWidth="1"/>
    <col min="15108" max="15108" width="13.42578125" customWidth="1"/>
    <col min="15109" max="15109" width="56.85546875" customWidth="1"/>
    <col min="15110" max="15110" width="51.85546875" customWidth="1"/>
    <col min="15111" max="15112" width="13.140625" customWidth="1"/>
    <col min="15113" max="15114" width="93.42578125" customWidth="1"/>
    <col min="15115" max="15116" width="25.42578125" customWidth="1"/>
    <col min="15117" max="15118" width="19.28515625" customWidth="1"/>
    <col min="15119" max="15119" width="16.28515625" customWidth="1"/>
    <col min="15120" max="15121" width="18.28515625" customWidth="1"/>
    <col min="15122" max="15122" width="19.7109375" customWidth="1"/>
    <col min="15123" max="15123" width="20.28515625" customWidth="1"/>
    <col min="15124" max="15125" width="15.140625" customWidth="1"/>
    <col min="15126" max="15126" width="18.28515625" customWidth="1"/>
    <col min="15361" max="15361" width="15.5703125" customWidth="1"/>
    <col min="15362" max="15362" width="12.42578125" customWidth="1"/>
    <col min="15363" max="15363" width="11.28515625" customWidth="1"/>
    <col min="15364" max="15364" width="13.42578125" customWidth="1"/>
    <col min="15365" max="15365" width="56.85546875" customWidth="1"/>
    <col min="15366" max="15366" width="51.85546875" customWidth="1"/>
    <col min="15367" max="15368" width="13.140625" customWidth="1"/>
    <col min="15369" max="15370" width="93.42578125" customWidth="1"/>
    <col min="15371" max="15372" width="25.42578125" customWidth="1"/>
    <col min="15373" max="15374" width="19.28515625" customWidth="1"/>
    <col min="15375" max="15375" width="16.28515625" customWidth="1"/>
    <col min="15376" max="15377" width="18.28515625" customWidth="1"/>
    <col min="15378" max="15378" width="19.7109375" customWidth="1"/>
    <col min="15379" max="15379" width="20.28515625" customWidth="1"/>
    <col min="15380" max="15381" width="15.140625" customWidth="1"/>
    <col min="15382" max="15382" width="18.28515625" customWidth="1"/>
    <col min="15617" max="15617" width="15.5703125" customWidth="1"/>
    <col min="15618" max="15618" width="12.42578125" customWidth="1"/>
    <col min="15619" max="15619" width="11.28515625" customWidth="1"/>
    <col min="15620" max="15620" width="13.42578125" customWidth="1"/>
    <col min="15621" max="15621" width="56.85546875" customWidth="1"/>
    <col min="15622" max="15622" width="51.85546875" customWidth="1"/>
    <col min="15623" max="15624" width="13.140625" customWidth="1"/>
    <col min="15625" max="15626" width="93.42578125" customWidth="1"/>
    <col min="15627" max="15628" width="25.42578125" customWidth="1"/>
    <col min="15629" max="15630" width="19.28515625" customWidth="1"/>
    <col min="15631" max="15631" width="16.28515625" customWidth="1"/>
    <col min="15632" max="15633" width="18.28515625" customWidth="1"/>
    <col min="15634" max="15634" width="19.7109375" customWidth="1"/>
    <col min="15635" max="15635" width="20.28515625" customWidth="1"/>
    <col min="15636" max="15637" width="15.140625" customWidth="1"/>
    <col min="15638" max="15638" width="18.28515625" customWidth="1"/>
    <col min="15873" max="15873" width="15.5703125" customWidth="1"/>
    <col min="15874" max="15874" width="12.42578125" customWidth="1"/>
    <col min="15875" max="15875" width="11.28515625" customWidth="1"/>
    <col min="15876" max="15876" width="13.42578125" customWidth="1"/>
    <col min="15877" max="15877" width="56.85546875" customWidth="1"/>
    <col min="15878" max="15878" width="51.85546875" customWidth="1"/>
    <col min="15879" max="15880" width="13.140625" customWidth="1"/>
    <col min="15881" max="15882" width="93.42578125" customWidth="1"/>
    <col min="15883" max="15884" width="25.42578125" customWidth="1"/>
    <col min="15885" max="15886" width="19.28515625" customWidth="1"/>
    <col min="15887" max="15887" width="16.28515625" customWidth="1"/>
    <col min="15888" max="15889" width="18.28515625" customWidth="1"/>
    <col min="15890" max="15890" width="19.7109375" customWidth="1"/>
    <col min="15891" max="15891" width="20.28515625" customWidth="1"/>
    <col min="15892" max="15893" width="15.140625" customWidth="1"/>
    <col min="15894" max="15894" width="18.28515625" customWidth="1"/>
    <col min="16129" max="16129" width="15.5703125" customWidth="1"/>
    <col min="16130" max="16130" width="12.42578125" customWidth="1"/>
    <col min="16131" max="16131" width="11.28515625" customWidth="1"/>
    <col min="16132" max="16132" width="13.42578125" customWidth="1"/>
    <col min="16133" max="16133" width="56.85546875" customWidth="1"/>
    <col min="16134" max="16134" width="51.85546875" customWidth="1"/>
    <col min="16135" max="16136" width="13.140625" customWidth="1"/>
    <col min="16137" max="16138" width="93.42578125" customWidth="1"/>
    <col min="16139" max="16140" width="25.42578125" customWidth="1"/>
    <col min="16141" max="16142" width="19.28515625" customWidth="1"/>
    <col min="16143" max="16143" width="16.28515625" customWidth="1"/>
    <col min="16144" max="16145" width="18.28515625" customWidth="1"/>
    <col min="16146" max="16146" width="19.7109375" customWidth="1"/>
    <col min="16147" max="16147" width="20.28515625" customWidth="1"/>
    <col min="16148" max="16149" width="15.140625" customWidth="1"/>
    <col min="16150" max="16150" width="18.28515625" customWidth="1"/>
  </cols>
  <sheetData>
    <row r="1" spans="1:22" s="1" customFormat="1" ht="14.45" customHeigh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ht="14.45" customHeight="1" x14ac:dyDescent="0.25">
      <c r="A2" s="3" t="s">
        <v>900</v>
      </c>
      <c r="B2" s="4" t="s">
        <v>23</v>
      </c>
      <c r="C2" s="3" t="s">
        <v>24</v>
      </c>
      <c r="D2" s="5" t="s">
        <v>25</v>
      </c>
      <c r="E2" s="3" t="s">
        <v>901</v>
      </c>
      <c r="F2" s="3" t="s">
        <v>902</v>
      </c>
      <c r="G2" s="3" t="s">
        <v>903</v>
      </c>
      <c r="H2" s="3" t="s">
        <v>50</v>
      </c>
      <c r="I2" s="3" t="s">
        <v>904</v>
      </c>
      <c r="J2" s="3" t="s">
        <v>905</v>
      </c>
      <c r="K2" s="3" t="s">
        <v>32</v>
      </c>
      <c r="L2" s="3" t="s">
        <v>33</v>
      </c>
      <c r="M2" s="3" t="s">
        <v>69</v>
      </c>
      <c r="N2" s="3" t="s">
        <v>906</v>
      </c>
      <c r="O2" s="3" t="s">
        <v>113</v>
      </c>
      <c r="P2" s="3" t="s">
        <v>37</v>
      </c>
      <c r="Q2" s="3" t="s">
        <v>37</v>
      </c>
      <c r="R2" s="3" t="s">
        <v>39</v>
      </c>
      <c r="S2" s="3" t="s">
        <v>907</v>
      </c>
      <c r="T2" s="3" t="s">
        <v>37</v>
      </c>
      <c r="U2" s="3" t="s">
        <v>37</v>
      </c>
      <c r="V2" s="3" t="s">
        <v>37</v>
      </c>
    </row>
    <row r="3" spans="1:22" ht="14.45" customHeight="1" x14ac:dyDescent="0.25">
      <c r="A3" s="3" t="s">
        <v>900</v>
      </c>
      <c r="B3" s="4" t="s">
        <v>23</v>
      </c>
      <c r="C3" s="3" t="s">
        <v>24</v>
      </c>
      <c r="D3" s="5" t="s">
        <v>908</v>
      </c>
      <c r="E3" s="3" t="s">
        <v>901</v>
      </c>
      <c r="F3" s="3" t="s">
        <v>909</v>
      </c>
      <c r="G3" s="3" t="s">
        <v>910</v>
      </c>
      <c r="H3" s="3" t="s">
        <v>50</v>
      </c>
      <c r="I3" s="3" t="s">
        <v>904</v>
      </c>
      <c r="J3" s="3" t="s">
        <v>911</v>
      </c>
      <c r="K3" s="3" t="s">
        <v>32</v>
      </c>
      <c r="L3" s="3" t="s">
        <v>33</v>
      </c>
      <c r="M3" s="3" t="s">
        <v>69</v>
      </c>
      <c r="N3" s="3" t="s">
        <v>906</v>
      </c>
      <c r="O3" s="3" t="s">
        <v>113</v>
      </c>
      <c r="P3" s="3" t="s">
        <v>37</v>
      </c>
      <c r="Q3" s="3" t="s">
        <v>37</v>
      </c>
      <c r="R3" s="3" t="s">
        <v>39</v>
      </c>
      <c r="S3" s="3" t="s">
        <v>912</v>
      </c>
      <c r="T3" s="3" t="s">
        <v>37</v>
      </c>
      <c r="U3" s="3" t="s">
        <v>37</v>
      </c>
      <c r="V3" s="3" t="s">
        <v>37</v>
      </c>
    </row>
    <row r="4" spans="1:22" ht="14.45" customHeight="1" x14ac:dyDescent="0.25">
      <c r="A4" s="3" t="s">
        <v>900</v>
      </c>
      <c r="B4" s="4" t="s">
        <v>23</v>
      </c>
      <c r="C4" s="3" t="s">
        <v>24</v>
      </c>
      <c r="D4" s="5" t="s">
        <v>46</v>
      </c>
      <c r="E4" s="3" t="s">
        <v>913</v>
      </c>
      <c r="F4" s="3" t="s">
        <v>914</v>
      </c>
      <c r="G4" s="3" t="s">
        <v>554</v>
      </c>
      <c r="H4" s="3" t="s">
        <v>29</v>
      </c>
      <c r="I4" s="3" t="s">
        <v>915</v>
      </c>
      <c r="J4" s="3" t="s">
        <v>916</v>
      </c>
      <c r="K4" s="3" t="s">
        <v>32</v>
      </c>
      <c r="L4" s="3" t="s">
        <v>33</v>
      </c>
      <c r="M4" s="3" t="s">
        <v>34</v>
      </c>
      <c r="N4" s="3" t="s">
        <v>53</v>
      </c>
      <c r="O4" s="3" t="s">
        <v>54</v>
      </c>
      <c r="P4" s="3" t="s">
        <v>37</v>
      </c>
      <c r="Q4" s="3" t="s">
        <v>37</v>
      </c>
      <c r="R4" s="3" t="s">
        <v>39</v>
      </c>
      <c r="S4" s="3" t="s">
        <v>917</v>
      </c>
      <c r="T4" s="3" t="s">
        <v>37</v>
      </c>
      <c r="U4" s="3" t="s">
        <v>37</v>
      </c>
      <c r="V4" s="3" t="s">
        <v>37</v>
      </c>
    </row>
    <row r="5" spans="1:22" ht="14.45" customHeight="1" x14ac:dyDescent="0.25">
      <c r="A5" s="3" t="s">
        <v>900</v>
      </c>
      <c r="B5" s="4" t="s">
        <v>23</v>
      </c>
      <c r="C5" s="3" t="s">
        <v>24</v>
      </c>
      <c r="D5" s="5" t="s">
        <v>918</v>
      </c>
      <c r="E5" s="3" t="s">
        <v>919</v>
      </c>
      <c r="F5" s="3" t="s">
        <v>920</v>
      </c>
      <c r="G5" s="3" t="s">
        <v>237</v>
      </c>
      <c r="H5" s="3" t="s">
        <v>29</v>
      </c>
      <c r="I5" s="3" t="s">
        <v>37</v>
      </c>
      <c r="J5" s="3" t="s">
        <v>921</v>
      </c>
      <c r="K5" s="3" t="s">
        <v>32</v>
      </c>
      <c r="L5" s="3" t="s">
        <v>33</v>
      </c>
      <c r="M5" s="3" t="s">
        <v>69</v>
      </c>
      <c r="N5" s="3" t="s">
        <v>53</v>
      </c>
      <c r="O5" s="3" t="s">
        <v>54</v>
      </c>
      <c r="P5" s="3" t="s">
        <v>37</v>
      </c>
      <c r="Q5" s="3" t="s">
        <v>37</v>
      </c>
      <c r="R5" s="3" t="s">
        <v>39</v>
      </c>
      <c r="S5" s="3" t="s">
        <v>922</v>
      </c>
      <c r="T5" s="3" t="s">
        <v>37</v>
      </c>
      <c r="U5" s="3" t="s">
        <v>37</v>
      </c>
      <c r="V5" s="3" t="s">
        <v>37</v>
      </c>
    </row>
    <row r="6" spans="1:22" ht="14.45" customHeight="1" x14ac:dyDescent="0.25">
      <c r="A6" s="3" t="s">
        <v>900</v>
      </c>
      <c r="B6" s="4" t="s">
        <v>23</v>
      </c>
      <c r="C6" s="3" t="s">
        <v>24</v>
      </c>
      <c r="D6" s="5" t="s">
        <v>923</v>
      </c>
      <c r="E6" s="3" t="s">
        <v>924</v>
      </c>
      <c r="F6" s="3" t="s">
        <v>925</v>
      </c>
      <c r="G6" s="3" t="s">
        <v>163</v>
      </c>
      <c r="H6" s="3" t="s">
        <v>29</v>
      </c>
      <c r="I6" s="3" t="s">
        <v>926</v>
      </c>
      <c r="J6" s="7" t="s">
        <v>927</v>
      </c>
      <c r="K6" s="3" t="s">
        <v>32</v>
      </c>
      <c r="L6" s="3" t="s">
        <v>33</v>
      </c>
      <c r="M6" s="3" t="s">
        <v>928</v>
      </c>
      <c r="N6" s="3" t="s">
        <v>159</v>
      </c>
      <c r="O6" s="3" t="s">
        <v>166</v>
      </c>
      <c r="P6" s="3" t="s">
        <v>37</v>
      </c>
      <c r="Q6" s="3" t="s">
        <v>37</v>
      </c>
      <c r="R6" s="3" t="s">
        <v>39</v>
      </c>
      <c r="S6" s="3" t="s">
        <v>929</v>
      </c>
      <c r="T6" s="3" t="s">
        <v>37</v>
      </c>
      <c r="U6" s="3" t="s">
        <v>37</v>
      </c>
      <c r="V6" s="3" t="s">
        <v>37</v>
      </c>
    </row>
    <row r="7" spans="1:22" ht="14.45" customHeight="1" x14ac:dyDescent="0.25">
      <c r="A7" s="3" t="s">
        <v>900</v>
      </c>
      <c r="B7" s="4" t="s">
        <v>23</v>
      </c>
      <c r="C7" s="3" t="s">
        <v>24</v>
      </c>
      <c r="D7" s="5" t="s">
        <v>930</v>
      </c>
      <c r="E7" s="3" t="s">
        <v>924</v>
      </c>
      <c r="F7" s="3" t="s">
        <v>931</v>
      </c>
      <c r="G7" s="3" t="s">
        <v>135</v>
      </c>
      <c r="H7" s="3" t="s">
        <v>29</v>
      </c>
      <c r="I7" s="3" t="s">
        <v>926</v>
      </c>
      <c r="J7" s="7" t="s">
        <v>927</v>
      </c>
      <c r="K7" s="3" t="s">
        <v>32</v>
      </c>
      <c r="L7" s="3" t="s">
        <v>33</v>
      </c>
      <c r="M7" s="3" t="s">
        <v>928</v>
      </c>
      <c r="N7" s="3" t="s">
        <v>159</v>
      </c>
      <c r="O7" s="3" t="s">
        <v>932</v>
      </c>
      <c r="P7" s="3" t="s">
        <v>37</v>
      </c>
      <c r="Q7" s="3" t="s">
        <v>37</v>
      </c>
      <c r="R7" s="3" t="s">
        <v>39</v>
      </c>
      <c r="S7" s="3" t="s">
        <v>933</v>
      </c>
      <c r="T7" s="3" t="s">
        <v>37</v>
      </c>
      <c r="U7" s="3" t="s">
        <v>37</v>
      </c>
      <c r="V7" s="3" t="s">
        <v>37</v>
      </c>
    </row>
    <row r="8" spans="1:22" ht="14.45" customHeight="1" x14ac:dyDescent="0.25">
      <c r="A8" s="3" t="s">
        <v>900</v>
      </c>
      <c r="B8" s="4" t="s">
        <v>23</v>
      </c>
      <c r="C8" s="3" t="s">
        <v>24</v>
      </c>
      <c r="D8" s="5" t="s">
        <v>71</v>
      </c>
      <c r="E8" s="3" t="s">
        <v>924</v>
      </c>
      <c r="F8" s="3" t="s">
        <v>934</v>
      </c>
      <c r="G8" s="3" t="s">
        <v>43</v>
      </c>
      <c r="H8" s="3" t="s">
        <v>29</v>
      </c>
      <c r="I8" s="3" t="s">
        <v>935</v>
      </c>
      <c r="J8" s="3" t="s">
        <v>936</v>
      </c>
      <c r="K8" s="3" t="s">
        <v>32</v>
      </c>
      <c r="L8" s="3" t="s">
        <v>33</v>
      </c>
      <c r="M8" s="3" t="s">
        <v>928</v>
      </c>
      <c r="N8" s="3" t="s">
        <v>159</v>
      </c>
      <c r="O8" s="3" t="s">
        <v>166</v>
      </c>
      <c r="P8" s="3" t="s">
        <v>37</v>
      </c>
      <c r="Q8" s="3" t="s">
        <v>37</v>
      </c>
      <c r="R8" s="3" t="s">
        <v>39</v>
      </c>
      <c r="S8" s="3" t="s">
        <v>937</v>
      </c>
      <c r="T8" s="3" t="s">
        <v>37</v>
      </c>
      <c r="U8" s="3" t="s">
        <v>37</v>
      </c>
      <c r="V8" s="3" t="s">
        <v>37</v>
      </c>
    </row>
    <row r="9" spans="1:22" ht="14.45" customHeight="1" x14ac:dyDescent="0.25">
      <c r="A9" s="3" t="s">
        <v>900</v>
      </c>
      <c r="B9" s="4" t="s">
        <v>23</v>
      </c>
      <c r="C9" s="3" t="s">
        <v>24</v>
      </c>
      <c r="D9" s="5" t="s">
        <v>938</v>
      </c>
      <c r="E9" s="3" t="s">
        <v>924</v>
      </c>
      <c r="F9" s="3" t="s">
        <v>939</v>
      </c>
      <c r="G9" s="3" t="s">
        <v>148</v>
      </c>
      <c r="H9" s="3" t="s">
        <v>29</v>
      </c>
      <c r="I9" s="3" t="s">
        <v>935</v>
      </c>
      <c r="J9" s="3" t="s">
        <v>940</v>
      </c>
      <c r="K9" s="3" t="s">
        <v>32</v>
      </c>
      <c r="L9" s="3" t="s">
        <v>33</v>
      </c>
      <c r="M9" s="3" t="s">
        <v>928</v>
      </c>
      <c r="N9" s="3" t="s">
        <v>159</v>
      </c>
      <c r="O9" s="3" t="s">
        <v>166</v>
      </c>
      <c r="P9" s="3" t="s">
        <v>37</v>
      </c>
      <c r="Q9" s="3" t="s">
        <v>37</v>
      </c>
      <c r="R9" s="3" t="s">
        <v>39</v>
      </c>
      <c r="S9" s="3" t="s">
        <v>941</v>
      </c>
      <c r="T9" s="3" t="s">
        <v>37</v>
      </c>
      <c r="U9" s="3" t="s">
        <v>37</v>
      </c>
      <c r="V9" s="3" t="s">
        <v>37</v>
      </c>
    </row>
    <row r="10" spans="1:22" ht="14.45" customHeight="1" x14ac:dyDescent="0.25">
      <c r="A10" s="3" t="s">
        <v>900</v>
      </c>
      <c r="B10" s="4" t="s">
        <v>23</v>
      </c>
      <c r="C10" s="3" t="s">
        <v>24</v>
      </c>
      <c r="D10" s="5" t="s">
        <v>942</v>
      </c>
      <c r="E10" s="3" t="s">
        <v>924</v>
      </c>
      <c r="F10" s="3" t="s">
        <v>943</v>
      </c>
      <c r="G10" s="3" t="s">
        <v>29</v>
      </c>
      <c r="H10" s="3" t="s">
        <v>29</v>
      </c>
      <c r="I10" s="3" t="s">
        <v>926</v>
      </c>
      <c r="J10" s="3" t="s">
        <v>944</v>
      </c>
      <c r="K10" s="3" t="s">
        <v>32</v>
      </c>
      <c r="L10" s="3" t="s">
        <v>33</v>
      </c>
      <c r="M10" s="3" t="s">
        <v>928</v>
      </c>
      <c r="N10" s="3" t="s">
        <v>159</v>
      </c>
      <c r="O10" s="3" t="s">
        <v>166</v>
      </c>
      <c r="P10" s="3" t="s">
        <v>37</v>
      </c>
      <c r="Q10" s="3" t="s">
        <v>37</v>
      </c>
      <c r="R10" s="3" t="s">
        <v>39</v>
      </c>
      <c r="S10" s="3" t="s">
        <v>945</v>
      </c>
      <c r="T10" s="3" t="s">
        <v>37</v>
      </c>
      <c r="U10" s="3" t="s">
        <v>37</v>
      </c>
      <c r="V10" s="3" t="s">
        <v>37</v>
      </c>
    </row>
    <row r="11" spans="1:22" ht="14.45" customHeight="1" x14ac:dyDescent="0.25">
      <c r="A11" s="3" t="s">
        <v>900</v>
      </c>
      <c r="B11" s="4" t="s">
        <v>23</v>
      </c>
      <c r="C11" s="3" t="s">
        <v>24</v>
      </c>
      <c r="D11" s="5" t="s">
        <v>81</v>
      </c>
      <c r="E11" s="3" t="s">
        <v>924</v>
      </c>
      <c r="F11" s="3" t="s">
        <v>946</v>
      </c>
      <c r="G11" s="3" t="s">
        <v>195</v>
      </c>
      <c r="H11" s="3" t="s">
        <v>29</v>
      </c>
      <c r="I11" s="3" t="s">
        <v>935</v>
      </c>
      <c r="J11" s="7" t="s">
        <v>927</v>
      </c>
      <c r="K11" s="3" t="s">
        <v>32</v>
      </c>
      <c r="L11" s="3" t="s">
        <v>33</v>
      </c>
      <c r="M11" s="3" t="s">
        <v>928</v>
      </c>
      <c r="N11" s="3" t="s">
        <v>159</v>
      </c>
      <c r="O11" s="3" t="s">
        <v>166</v>
      </c>
      <c r="P11" s="3" t="s">
        <v>37</v>
      </c>
      <c r="Q11" s="3" t="s">
        <v>37</v>
      </c>
      <c r="R11" s="3" t="s">
        <v>39</v>
      </c>
      <c r="S11" s="3" t="s">
        <v>947</v>
      </c>
      <c r="T11" s="3" t="s">
        <v>37</v>
      </c>
      <c r="U11" s="3" t="s">
        <v>37</v>
      </c>
      <c r="V11" s="3" t="s">
        <v>37</v>
      </c>
    </row>
    <row r="12" spans="1:22" ht="14.45" customHeight="1" x14ac:dyDescent="0.25">
      <c r="A12" s="3" t="s">
        <v>900</v>
      </c>
      <c r="B12" s="4" t="s">
        <v>23</v>
      </c>
      <c r="C12" s="3" t="s">
        <v>24</v>
      </c>
      <c r="D12" s="5" t="s">
        <v>948</v>
      </c>
      <c r="E12" s="3" t="s">
        <v>949</v>
      </c>
      <c r="F12" s="3" t="s">
        <v>950</v>
      </c>
      <c r="G12" s="3" t="s">
        <v>603</v>
      </c>
      <c r="H12" s="3" t="s">
        <v>50</v>
      </c>
      <c r="I12" s="3" t="s">
        <v>37</v>
      </c>
      <c r="J12" s="3" t="s">
        <v>951</v>
      </c>
      <c r="K12" s="3" t="s">
        <v>32</v>
      </c>
      <c r="L12" s="3" t="s">
        <v>33</v>
      </c>
      <c r="M12" s="3" t="s">
        <v>69</v>
      </c>
      <c r="N12" s="3" t="s">
        <v>159</v>
      </c>
      <c r="O12" s="3" t="s">
        <v>113</v>
      </c>
      <c r="P12" s="3" t="s">
        <v>37</v>
      </c>
      <c r="Q12" s="3" t="s">
        <v>37</v>
      </c>
      <c r="R12" s="3" t="s">
        <v>39</v>
      </c>
      <c r="S12" s="3" t="s">
        <v>952</v>
      </c>
      <c r="T12" s="3" t="s">
        <v>37</v>
      </c>
      <c r="U12" s="3" t="s">
        <v>37</v>
      </c>
      <c r="V12" s="3" t="s">
        <v>37</v>
      </c>
    </row>
    <row r="13" spans="1:22" ht="14.45" customHeight="1" x14ac:dyDescent="0.25">
      <c r="A13" s="3" t="s">
        <v>900</v>
      </c>
      <c r="B13" s="4" t="s">
        <v>23</v>
      </c>
      <c r="C13" s="3" t="s">
        <v>24</v>
      </c>
      <c r="D13" s="5" t="s">
        <v>953</v>
      </c>
      <c r="E13" s="3" t="s">
        <v>949</v>
      </c>
      <c r="F13" s="3" t="s">
        <v>954</v>
      </c>
      <c r="G13" s="3" t="s">
        <v>823</v>
      </c>
      <c r="H13" s="3" t="s">
        <v>50</v>
      </c>
      <c r="I13" s="3" t="s">
        <v>37</v>
      </c>
      <c r="J13" s="3" t="s">
        <v>955</v>
      </c>
      <c r="K13" s="3" t="s">
        <v>32</v>
      </c>
      <c r="L13" s="3" t="s">
        <v>33</v>
      </c>
      <c r="M13" s="3" t="s">
        <v>69</v>
      </c>
      <c r="N13" s="3" t="s">
        <v>159</v>
      </c>
      <c r="O13" s="3" t="s">
        <v>113</v>
      </c>
      <c r="P13" s="3" t="s">
        <v>37</v>
      </c>
      <c r="Q13" s="3" t="s">
        <v>37</v>
      </c>
      <c r="R13" s="3" t="s">
        <v>39</v>
      </c>
      <c r="S13" s="3" t="s">
        <v>956</v>
      </c>
      <c r="T13" s="3" t="s">
        <v>37</v>
      </c>
      <c r="U13" s="3" t="s">
        <v>37</v>
      </c>
      <c r="V13" s="3" t="s">
        <v>37</v>
      </c>
    </row>
    <row r="14" spans="1:22" ht="14.45" customHeight="1" x14ac:dyDescent="0.25">
      <c r="A14" s="3" t="s">
        <v>900</v>
      </c>
      <c r="B14" s="4" t="s">
        <v>23</v>
      </c>
      <c r="C14" s="3" t="s">
        <v>24</v>
      </c>
      <c r="D14" s="5" t="s">
        <v>957</v>
      </c>
      <c r="E14" s="3" t="s">
        <v>958</v>
      </c>
      <c r="F14" s="3" t="s">
        <v>959</v>
      </c>
      <c r="G14" s="3" t="s">
        <v>148</v>
      </c>
      <c r="H14" s="3" t="s">
        <v>29</v>
      </c>
      <c r="I14" s="3" t="s">
        <v>37</v>
      </c>
      <c r="J14" s="3" t="s">
        <v>960</v>
      </c>
      <c r="K14" s="3" t="s">
        <v>32</v>
      </c>
      <c r="L14" s="3" t="s">
        <v>33</v>
      </c>
      <c r="M14" s="3" t="s">
        <v>69</v>
      </c>
      <c r="N14" s="3" t="s">
        <v>159</v>
      </c>
      <c r="O14" s="3" t="s">
        <v>113</v>
      </c>
      <c r="P14" s="3" t="s">
        <v>37</v>
      </c>
      <c r="Q14" s="3" t="s">
        <v>37</v>
      </c>
      <c r="R14" s="3" t="s">
        <v>39</v>
      </c>
      <c r="S14" s="3" t="s">
        <v>961</v>
      </c>
      <c r="T14" s="3" t="s">
        <v>37</v>
      </c>
      <c r="U14" s="3" t="s">
        <v>37</v>
      </c>
      <c r="V14" s="3" t="s">
        <v>37</v>
      </c>
    </row>
    <row r="15" spans="1:22" ht="14.45" customHeight="1" x14ac:dyDescent="0.25">
      <c r="A15" s="3" t="s">
        <v>900</v>
      </c>
      <c r="B15" s="4" t="s">
        <v>23</v>
      </c>
      <c r="C15" s="3" t="s">
        <v>24</v>
      </c>
      <c r="D15" s="5" t="s">
        <v>962</v>
      </c>
      <c r="E15" s="3" t="s">
        <v>478</v>
      </c>
      <c r="F15" s="3" t="s">
        <v>963</v>
      </c>
      <c r="G15" s="3" t="s">
        <v>383</v>
      </c>
      <c r="H15" s="3" t="s">
        <v>60</v>
      </c>
      <c r="I15" s="3" t="s">
        <v>481</v>
      </c>
      <c r="J15" s="3" t="s">
        <v>964</v>
      </c>
      <c r="K15" s="3" t="s">
        <v>32</v>
      </c>
      <c r="L15" s="3" t="s">
        <v>37</v>
      </c>
      <c r="M15" s="3" t="s">
        <v>34</v>
      </c>
      <c r="N15" s="3" t="s">
        <v>79</v>
      </c>
      <c r="O15" s="3" t="s">
        <v>113</v>
      </c>
      <c r="P15" s="3" t="s">
        <v>37</v>
      </c>
      <c r="Q15" s="3" t="s">
        <v>37</v>
      </c>
      <c r="R15" s="3" t="s">
        <v>39</v>
      </c>
      <c r="S15" s="3" t="s">
        <v>965</v>
      </c>
      <c r="T15" s="3" t="s">
        <v>37</v>
      </c>
      <c r="U15" s="3" t="s">
        <v>37</v>
      </c>
      <c r="V15" s="3" t="s">
        <v>37</v>
      </c>
    </row>
    <row r="16" spans="1:22" ht="14.45" customHeight="1" x14ac:dyDescent="0.25">
      <c r="A16" s="3" t="s">
        <v>900</v>
      </c>
      <c r="B16" s="4" t="s">
        <v>23</v>
      </c>
      <c r="C16" s="3" t="s">
        <v>24</v>
      </c>
      <c r="D16" s="5" t="s">
        <v>966</v>
      </c>
      <c r="E16" s="3" t="s">
        <v>967</v>
      </c>
      <c r="F16" s="3" t="s">
        <v>37</v>
      </c>
      <c r="G16" s="3">
        <v>1</v>
      </c>
      <c r="H16" s="3">
        <v>0</v>
      </c>
      <c r="I16" s="3" t="s">
        <v>968</v>
      </c>
      <c r="J16" s="3" t="s">
        <v>969</v>
      </c>
      <c r="K16" s="3" t="s">
        <v>211</v>
      </c>
      <c r="L16" s="3" t="s">
        <v>33</v>
      </c>
      <c r="M16" s="3" t="s">
        <v>69</v>
      </c>
      <c r="N16" s="3" t="s">
        <v>212</v>
      </c>
      <c r="O16" s="3" t="s">
        <v>213</v>
      </c>
      <c r="P16" s="3" t="s">
        <v>37</v>
      </c>
      <c r="Q16" s="3" t="s">
        <v>37</v>
      </c>
      <c r="R16" s="3" t="s">
        <v>39</v>
      </c>
      <c r="S16" s="3" t="s">
        <v>970</v>
      </c>
      <c r="T16" s="3" t="s">
        <v>37</v>
      </c>
      <c r="U16" s="3" t="s">
        <v>37</v>
      </c>
      <c r="V16" s="3" t="s">
        <v>37</v>
      </c>
    </row>
    <row r="17" spans="1:22" ht="14.45" customHeight="1" x14ac:dyDescent="0.25">
      <c r="A17" s="3" t="s">
        <v>900</v>
      </c>
      <c r="B17" s="4" t="s">
        <v>23</v>
      </c>
      <c r="C17" s="3" t="s">
        <v>24</v>
      </c>
      <c r="D17" s="5" t="s">
        <v>971</v>
      </c>
      <c r="E17" s="3" t="s">
        <v>958</v>
      </c>
      <c r="F17" s="3" t="s">
        <v>959</v>
      </c>
      <c r="G17" s="3" t="s">
        <v>148</v>
      </c>
      <c r="H17" s="3" t="s">
        <v>29</v>
      </c>
      <c r="I17" s="3" t="s">
        <v>37</v>
      </c>
      <c r="J17" s="3" t="s">
        <v>960</v>
      </c>
      <c r="K17" s="3" t="s">
        <v>32</v>
      </c>
      <c r="L17" s="3" t="s">
        <v>33</v>
      </c>
      <c r="M17" s="3" t="s">
        <v>69</v>
      </c>
      <c r="N17" s="3" t="s">
        <v>159</v>
      </c>
      <c r="O17" s="3" t="s">
        <v>113</v>
      </c>
      <c r="P17" s="3" t="s">
        <v>37</v>
      </c>
      <c r="Q17" s="3" t="s">
        <v>37</v>
      </c>
      <c r="R17" s="3" t="s">
        <v>39</v>
      </c>
      <c r="S17" s="3" t="s">
        <v>961</v>
      </c>
      <c r="T17" s="3" t="s">
        <v>37</v>
      </c>
      <c r="U17" s="3" t="s">
        <v>37</v>
      </c>
      <c r="V17" s="3" t="s">
        <v>37</v>
      </c>
    </row>
    <row r="18" spans="1:22" ht="14.45" customHeight="1" x14ac:dyDescent="0.25">
      <c r="A18" s="3" t="s">
        <v>900</v>
      </c>
      <c r="B18" s="4" t="s">
        <v>23</v>
      </c>
      <c r="C18" s="3" t="s">
        <v>24</v>
      </c>
      <c r="D18" s="5" t="s">
        <v>972</v>
      </c>
      <c r="E18" s="3" t="s">
        <v>973</v>
      </c>
      <c r="F18" s="3" t="s">
        <v>974</v>
      </c>
      <c r="G18" s="3" t="s">
        <v>67</v>
      </c>
      <c r="H18" s="3" t="s">
        <v>29</v>
      </c>
      <c r="I18" s="3" t="s">
        <v>975</v>
      </c>
      <c r="J18" s="3" t="s">
        <v>976</v>
      </c>
      <c r="K18" s="3" t="s">
        <v>32</v>
      </c>
      <c r="L18" s="3" t="s">
        <v>33</v>
      </c>
      <c r="M18" s="3" t="s">
        <v>69</v>
      </c>
      <c r="N18" s="3" t="s">
        <v>62</v>
      </c>
      <c r="O18" s="3" t="s">
        <v>54</v>
      </c>
      <c r="P18" s="3" t="s">
        <v>55</v>
      </c>
      <c r="Q18" s="3" t="s">
        <v>37</v>
      </c>
      <c r="R18" s="3" t="s">
        <v>39</v>
      </c>
      <c r="S18" s="3" t="s">
        <v>977</v>
      </c>
      <c r="T18" s="3" t="s">
        <v>37</v>
      </c>
      <c r="U18" s="3" t="s">
        <v>37</v>
      </c>
      <c r="V18" s="3" t="s">
        <v>37</v>
      </c>
    </row>
    <row r="19" spans="1:22" ht="14.45" customHeight="1" x14ac:dyDescent="0.25">
      <c r="A19" s="3" t="s">
        <v>900</v>
      </c>
      <c r="B19" s="4" t="s">
        <v>23</v>
      </c>
      <c r="C19" s="3" t="s">
        <v>24</v>
      </c>
      <c r="D19" s="5" t="s">
        <v>127</v>
      </c>
      <c r="E19" s="3" t="s">
        <v>978</v>
      </c>
      <c r="F19" s="3" t="s">
        <v>979</v>
      </c>
      <c r="G19" s="3" t="s">
        <v>358</v>
      </c>
      <c r="H19" s="3" t="s">
        <v>29</v>
      </c>
      <c r="I19" s="3" t="s">
        <v>37</v>
      </c>
      <c r="J19" s="3" t="s">
        <v>980</v>
      </c>
      <c r="K19" s="3" t="s">
        <v>32</v>
      </c>
      <c r="L19" s="3" t="s">
        <v>33</v>
      </c>
      <c r="M19" s="3" t="s">
        <v>69</v>
      </c>
      <c r="N19" s="3" t="s">
        <v>79</v>
      </c>
      <c r="O19" s="3" t="s">
        <v>113</v>
      </c>
      <c r="P19" s="3" t="s">
        <v>37</v>
      </c>
      <c r="Q19" s="3" t="s">
        <v>37</v>
      </c>
      <c r="R19" s="3" t="s">
        <v>39</v>
      </c>
      <c r="S19" s="3" t="s">
        <v>981</v>
      </c>
      <c r="T19" s="3" t="s">
        <v>37</v>
      </c>
      <c r="U19" s="3" t="s">
        <v>37</v>
      </c>
      <c r="V19" s="3" t="s">
        <v>37</v>
      </c>
    </row>
    <row r="20" spans="1:22" ht="14.45" customHeight="1" x14ac:dyDescent="0.25">
      <c r="A20" s="3" t="s">
        <v>900</v>
      </c>
      <c r="B20" s="4" t="s">
        <v>23</v>
      </c>
      <c r="C20" s="3" t="s">
        <v>24</v>
      </c>
      <c r="D20" s="5" t="s">
        <v>431</v>
      </c>
      <c r="E20" s="3" t="s">
        <v>982</v>
      </c>
      <c r="F20" s="3" t="s">
        <v>983</v>
      </c>
      <c r="G20" s="3" t="s">
        <v>369</v>
      </c>
      <c r="H20" s="3" t="s">
        <v>29</v>
      </c>
      <c r="I20" s="3" t="s">
        <v>984</v>
      </c>
      <c r="J20" s="3" t="s">
        <v>985</v>
      </c>
      <c r="K20" s="3" t="s">
        <v>32</v>
      </c>
      <c r="L20" s="3" t="s">
        <v>33</v>
      </c>
      <c r="M20" s="3" t="s">
        <v>69</v>
      </c>
      <c r="N20" s="3" t="s">
        <v>79</v>
      </c>
      <c r="O20" s="3" t="s">
        <v>113</v>
      </c>
      <c r="P20" s="3" t="s">
        <v>37</v>
      </c>
      <c r="Q20" s="3" t="s">
        <v>37</v>
      </c>
      <c r="R20" s="3" t="s">
        <v>39</v>
      </c>
      <c r="S20" s="3" t="s">
        <v>986</v>
      </c>
      <c r="T20" s="3" t="s">
        <v>37</v>
      </c>
      <c r="U20" s="3" t="s">
        <v>37</v>
      </c>
      <c r="V20" s="3" t="s">
        <v>37</v>
      </c>
    </row>
    <row r="21" spans="1:22" ht="14.45" customHeight="1" x14ac:dyDescent="0.25">
      <c r="A21" s="3" t="s">
        <v>900</v>
      </c>
      <c r="B21" s="4" t="s">
        <v>23</v>
      </c>
      <c r="C21" s="3" t="s">
        <v>24</v>
      </c>
      <c r="D21" s="5" t="s">
        <v>138</v>
      </c>
      <c r="E21" s="3" t="s">
        <v>987</v>
      </c>
      <c r="F21" s="3" t="s">
        <v>988</v>
      </c>
      <c r="G21" s="3" t="s">
        <v>325</v>
      </c>
      <c r="H21" s="3" t="s">
        <v>50</v>
      </c>
      <c r="I21" s="3" t="s">
        <v>989</v>
      </c>
      <c r="J21" s="3" t="s">
        <v>990</v>
      </c>
      <c r="K21" s="3" t="s">
        <v>32</v>
      </c>
      <c r="L21" s="3" t="s">
        <v>33</v>
      </c>
      <c r="M21" s="3" t="s">
        <v>69</v>
      </c>
      <c r="N21" s="3" t="s">
        <v>212</v>
      </c>
      <c r="O21" s="3" t="s">
        <v>113</v>
      </c>
      <c r="P21" s="3" t="s">
        <v>37</v>
      </c>
      <c r="Q21" s="3" t="s">
        <v>37</v>
      </c>
      <c r="R21" s="3" t="s">
        <v>39</v>
      </c>
      <c r="S21" s="3" t="s">
        <v>991</v>
      </c>
      <c r="T21" s="3" t="s">
        <v>37</v>
      </c>
      <c r="U21" s="3" t="s">
        <v>37</v>
      </c>
      <c r="V21" s="3" t="s">
        <v>37</v>
      </c>
    </row>
    <row r="22" spans="1:22" ht="14.45" customHeight="1" x14ac:dyDescent="0.25">
      <c r="A22" s="3" t="s">
        <v>900</v>
      </c>
      <c r="B22" s="4" t="s">
        <v>23</v>
      </c>
      <c r="C22" s="3" t="s">
        <v>24</v>
      </c>
      <c r="D22" s="5" t="s">
        <v>992</v>
      </c>
      <c r="E22" s="3" t="s">
        <v>993</v>
      </c>
      <c r="F22" s="3" t="s">
        <v>994</v>
      </c>
      <c r="G22" s="3" t="s">
        <v>995</v>
      </c>
      <c r="H22" s="3" t="s">
        <v>50</v>
      </c>
      <c r="I22" s="3" t="s">
        <v>996</v>
      </c>
      <c r="J22" s="3" t="s">
        <v>997</v>
      </c>
      <c r="K22" s="3" t="s">
        <v>32</v>
      </c>
      <c r="L22" s="3" t="s">
        <v>33</v>
      </c>
      <c r="M22" s="3" t="s">
        <v>69</v>
      </c>
      <c r="N22" s="3" t="s">
        <v>131</v>
      </c>
      <c r="O22" s="3" t="s">
        <v>36</v>
      </c>
      <c r="P22" s="3" t="s">
        <v>37</v>
      </c>
      <c r="Q22" s="3" t="s">
        <v>37</v>
      </c>
      <c r="R22" s="3" t="s">
        <v>39</v>
      </c>
      <c r="S22" s="3" t="s">
        <v>998</v>
      </c>
      <c r="T22" s="3" t="s">
        <v>37</v>
      </c>
      <c r="U22" s="3" t="s">
        <v>37</v>
      </c>
      <c r="V22" s="3" t="s">
        <v>37</v>
      </c>
    </row>
    <row r="23" spans="1:22" ht="14.45" customHeight="1" x14ac:dyDescent="0.25">
      <c r="A23" s="3" t="s">
        <v>900</v>
      </c>
      <c r="B23" s="4" t="s">
        <v>23</v>
      </c>
      <c r="C23" s="3" t="s">
        <v>24</v>
      </c>
      <c r="D23" s="5" t="s">
        <v>154</v>
      </c>
      <c r="E23" s="3" t="s">
        <v>999</v>
      </c>
      <c r="F23" s="3" t="s">
        <v>1000</v>
      </c>
      <c r="G23" s="3" t="s">
        <v>242</v>
      </c>
      <c r="H23" s="3" t="s">
        <v>29</v>
      </c>
      <c r="I23" s="3" t="s">
        <v>1001</v>
      </c>
      <c r="J23" s="3" t="s">
        <v>1002</v>
      </c>
      <c r="K23" s="3" t="s">
        <v>32</v>
      </c>
      <c r="L23" s="3" t="s">
        <v>33</v>
      </c>
      <c r="M23" s="3" t="s">
        <v>69</v>
      </c>
      <c r="N23" s="3" t="s">
        <v>79</v>
      </c>
      <c r="O23" s="3" t="s">
        <v>36</v>
      </c>
      <c r="P23" s="3" t="s">
        <v>37</v>
      </c>
      <c r="Q23" s="3" t="s">
        <v>37</v>
      </c>
      <c r="R23" s="3" t="s">
        <v>39</v>
      </c>
      <c r="S23" s="3" t="s">
        <v>1003</v>
      </c>
      <c r="T23" s="3"/>
      <c r="U23" s="3" t="s">
        <v>37</v>
      </c>
      <c r="V23" s="3" t="s">
        <v>37</v>
      </c>
    </row>
    <row r="24" spans="1:22" ht="14.45" customHeight="1" x14ac:dyDescent="0.25">
      <c r="A24" s="3" t="s">
        <v>900</v>
      </c>
      <c r="B24" s="4" t="s">
        <v>23</v>
      </c>
      <c r="C24" s="3" t="s">
        <v>24</v>
      </c>
      <c r="D24" s="5" t="s">
        <v>161</v>
      </c>
      <c r="E24" s="3" t="s">
        <v>1004</v>
      </c>
      <c r="F24" s="3" t="s">
        <v>1005</v>
      </c>
      <c r="G24" s="3" t="s">
        <v>43</v>
      </c>
      <c r="H24" s="3" t="s">
        <v>29</v>
      </c>
      <c r="I24" s="3" t="s">
        <v>1006</v>
      </c>
      <c r="J24" s="3" t="s">
        <v>1007</v>
      </c>
      <c r="K24" s="3" t="s">
        <v>32</v>
      </c>
      <c r="L24" s="3" t="s">
        <v>33</v>
      </c>
      <c r="M24" s="3" t="s">
        <v>69</v>
      </c>
      <c r="N24" s="3" t="s">
        <v>131</v>
      </c>
      <c r="O24" s="3" t="s">
        <v>54</v>
      </c>
      <c r="P24" s="3" t="s">
        <v>37</v>
      </c>
      <c r="Q24" s="3" t="s">
        <v>37</v>
      </c>
      <c r="R24" s="3" t="s">
        <v>39</v>
      </c>
      <c r="S24" s="3" t="s">
        <v>1008</v>
      </c>
      <c r="T24" s="3" t="s">
        <v>37</v>
      </c>
      <c r="U24" s="3" t="s">
        <v>37</v>
      </c>
      <c r="V24" s="3" t="s">
        <v>37</v>
      </c>
    </row>
    <row r="25" spans="1:22" ht="14.45" customHeight="1" x14ac:dyDescent="0.25">
      <c r="A25" s="3" t="s">
        <v>900</v>
      </c>
      <c r="B25" s="4" t="s">
        <v>23</v>
      </c>
      <c r="C25" s="3" t="s">
        <v>24</v>
      </c>
      <c r="D25" s="5" t="s">
        <v>1009</v>
      </c>
      <c r="E25" s="3" t="s">
        <v>924</v>
      </c>
      <c r="F25" s="3" t="s">
        <v>1010</v>
      </c>
      <c r="G25" s="3" t="s">
        <v>269</v>
      </c>
      <c r="H25" s="3" t="s">
        <v>29</v>
      </c>
      <c r="I25" s="3" t="s">
        <v>935</v>
      </c>
      <c r="J25" s="7" t="s">
        <v>927</v>
      </c>
      <c r="K25" s="3" t="s">
        <v>32</v>
      </c>
      <c r="L25" s="3" t="s">
        <v>33</v>
      </c>
      <c r="M25" s="3" t="s">
        <v>928</v>
      </c>
      <c r="N25" s="3" t="s">
        <v>159</v>
      </c>
      <c r="O25" s="3" t="s">
        <v>166</v>
      </c>
      <c r="P25" s="3" t="s">
        <v>37</v>
      </c>
      <c r="Q25" s="3" t="s">
        <v>37</v>
      </c>
      <c r="R25" s="3" t="s">
        <v>39</v>
      </c>
      <c r="S25" s="3" t="s">
        <v>1011</v>
      </c>
      <c r="T25" s="3" t="s">
        <v>37</v>
      </c>
      <c r="U25" s="3" t="s">
        <v>37</v>
      </c>
      <c r="V25" s="3" t="s">
        <v>37</v>
      </c>
    </row>
    <row r="26" spans="1:22" ht="14.45" customHeight="1" x14ac:dyDescent="0.25">
      <c r="A26" s="3" t="s">
        <v>900</v>
      </c>
      <c r="B26" s="4" t="s">
        <v>23</v>
      </c>
      <c r="C26" s="3" t="s">
        <v>24</v>
      </c>
      <c r="D26" s="5" t="s">
        <v>172</v>
      </c>
      <c r="E26" s="3" t="s">
        <v>924</v>
      </c>
      <c r="F26" s="3" t="s">
        <v>1012</v>
      </c>
      <c r="G26" s="3" t="s">
        <v>67</v>
      </c>
      <c r="H26" s="3" t="s">
        <v>29</v>
      </c>
      <c r="I26" s="3" t="s">
        <v>935</v>
      </c>
      <c r="J26" s="7" t="s">
        <v>927</v>
      </c>
      <c r="K26" s="3" t="s">
        <v>32</v>
      </c>
      <c r="L26" s="3" t="s">
        <v>33</v>
      </c>
      <c r="M26" s="3" t="s">
        <v>928</v>
      </c>
      <c r="N26" s="3" t="s">
        <v>159</v>
      </c>
      <c r="O26" s="3" t="s">
        <v>166</v>
      </c>
      <c r="P26" s="3" t="s">
        <v>37</v>
      </c>
      <c r="Q26" s="3" t="s">
        <v>37</v>
      </c>
      <c r="R26" s="3" t="s">
        <v>39</v>
      </c>
      <c r="S26" s="3" t="s">
        <v>1013</v>
      </c>
      <c r="T26" s="3" t="s">
        <v>37</v>
      </c>
      <c r="U26" s="3" t="s">
        <v>37</v>
      </c>
      <c r="V26" s="3" t="s">
        <v>37</v>
      </c>
    </row>
    <row r="27" spans="1:22" ht="14.45" customHeight="1" x14ac:dyDescent="0.25">
      <c r="A27" s="3" t="s">
        <v>900</v>
      </c>
      <c r="B27" s="4" t="s">
        <v>23</v>
      </c>
      <c r="C27" s="3" t="s">
        <v>24</v>
      </c>
      <c r="D27" s="5" t="s">
        <v>1014</v>
      </c>
      <c r="E27" s="3" t="s">
        <v>924</v>
      </c>
      <c r="F27" s="3" t="s">
        <v>1015</v>
      </c>
      <c r="G27" s="3" t="s">
        <v>375</v>
      </c>
      <c r="H27" s="3" t="s">
        <v>29</v>
      </c>
      <c r="I27" s="3" t="s">
        <v>926</v>
      </c>
      <c r="J27" s="3" t="s">
        <v>1016</v>
      </c>
      <c r="K27" s="3" t="s">
        <v>32</v>
      </c>
      <c r="L27" s="3" t="s">
        <v>33</v>
      </c>
      <c r="M27" s="3" t="s">
        <v>928</v>
      </c>
      <c r="N27" s="3" t="s">
        <v>159</v>
      </c>
      <c r="O27" s="3" t="s">
        <v>166</v>
      </c>
      <c r="P27" s="3" t="s">
        <v>37</v>
      </c>
      <c r="Q27" s="3" t="s">
        <v>37</v>
      </c>
      <c r="R27" s="3" t="s">
        <v>39</v>
      </c>
      <c r="S27" s="3" t="s">
        <v>1017</v>
      </c>
      <c r="T27" s="3" t="s">
        <v>37</v>
      </c>
      <c r="U27" s="3" t="s">
        <v>37</v>
      </c>
      <c r="V27" s="3" t="s">
        <v>37</v>
      </c>
    </row>
    <row r="28" spans="1:22" ht="14.45" customHeight="1" x14ac:dyDescent="0.25">
      <c r="A28" s="3" t="s">
        <v>900</v>
      </c>
      <c r="B28" s="4" t="s">
        <v>23</v>
      </c>
      <c r="C28" s="3" t="s">
        <v>24</v>
      </c>
      <c r="D28" s="5" t="s">
        <v>1018</v>
      </c>
      <c r="E28" s="3" t="s">
        <v>982</v>
      </c>
      <c r="F28" s="3" t="s">
        <v>1019</v>
      </c>
      <c r="G28" s="3" t="s">
        <v>153</v>
      </c>
      <c r="H28" s="3" t="s">
        <v>60</v>
      </c>
      <c r="I28" s="3" t="s">
        <v>1020</v>
      </c>
      <c r="J28" s="3" t="s">
        <v>1021</v>
      </c>
      <c r="K28" s="3" t="s">
        <v>32</v>
      </c>
      <c r="L28" s="3" t="s">
        <v>33</v>
      </c>
      <c r="M28" s="3" t="s">
        <v>69</v>
      </c>
      <c r="N28" s="3" t="s">
        <v>53</v>
      </c>
      <c r="O28" s="3" t="s">
        <v>113</v>
      </c>
      <c r="P28" s="3" t="s">
        <v>37</v>
      </c>
      <c r="Q28" s="3" t="s">
        <v>37</v>
      </c>
      <c r="R28" s="3" t="s">
        <v>39</v>
      </c>
      <c r="S28" s="3" t="s">
        <v>1022</v>
      </c>
      <c r="T28" s="3" t="s">
        <v>37</v>
      </c>
      <c r="U28" s="3" t="s">
        <v>37</v>
      </c>
      <c r="V28" s="3" t="s">
        <v>37</v>
      </c>
    </row>
    <row r="29" spans="1:22" ht="14.45" customHeight="1" x14ac:dyDescent="0.25">
      <c r="A29" s="3" t="s">
        <v>900</v>
      </c>
      <c r="B29" s="4" t="s">
        <v>23</v>
      </c>
      <c r="C29" s="3" t="s">
        <v>24</v>
      </c>
      <c r="D29" s="5" t="s">
        <v>1023</v>
      </c>
      <c r="E29" s="3" t="s">
        <v>1024</v>
      </c>
      <c r="F29" s="3" t="s">
        <v>1025</v>
      </c>
      <c r="G29" s="3" t="s">
        <v>59</v>
      </c>
      <c r="H29" s="3" t="s">
        <v>60</v>
      </c>
      <c r="I29" s="3" t="s">
        <v>1026</v>
      </c>
      <c r="J29" s="8" t="s">
        <v>1027</v>
      </c>
      <c r="K29" s="3" t="s">
        <v>32</v>
      </c>
      <c r="L29" s="3" t="s">
        <v>33</v>
      </c>
      <c r="M29" s="3" t="s">
        <v>69</v>
      </c>
      <c r="N29" s="3" t="s">
        <v>159</v>
      </c>
      <c r="O29" s="3" t="s">
        <v>37</v>
      </c>
      <c r="P29" s="3" t="s">
        <v>37</v>
      </c>
      <c r="Q29" s="3" t="s">
        <v>37</v>
      </c>
      <c r="R29" s="3" t="s">
        <v>39</v>
      </c>
      <c r="S29" s="3" t="s">
        <v>1028</v>
      </c>
      <c r="T29" s="3" t="s">
        <v>37</v>
      </c>
      <c r="U29" s="3" t="s">
        <v>37</v>
      </c>
      <c r="V29" s="3" t="s">
        <v>37</v>
      </c>
    </row>
    <row r="30" spans="1:22" ht="14.45" customHeight="1" x14ac:dyDescent="0.25">
      <c r="A30" s="3" t="s">
        <v>900</v>
      </c>
      <c r="B30" s="4" t="s">
        <v>23</v>
      </c>
      <c r="C30" s="3" t="s">
        <v>24</v>
      </c>
      <c r="D30" s="5" t="s">
        <v>1029</v>
      </c>
      <c r="E30" s="3" t="s">
        <v>967</v>
      </c>
      <c r="F30" s="3" t="s">
        <v>37</v>
      </c>
      <c r="G30" s="3">
        <v>1</v>
      </c>
      <c r="H30" s="3">
        <v>0</v>
      </c>
      <c r="I30" s="3" t="s">
        <v>968</v>
      </c>
      <c r="J30" s="3" t="s">
        <v>969</v>
      </c>
      <c r="K30" s="3" t="s">
        <v>211</v>
      </c>
      <c r="L30" s="3" t="s">
        <v>33</v>
      </c>
      <c r="M30" s="3" t="s">
        <v>69</v>
      </c>
      <c r="N30" s="3" t="s">
        <v>212</v>
      </c>
      <c r="O30" s="3" t="s">
        <v>213</v>
      </c>
      <c r="P30" s="3" t="s">
        <v>37</v>
      </c>
      <c r="Q30" s="3" t="s">
        <v>37</v>
      </c>
      <c r="R30" s="3" t="s">
        <v>39</v>
      </c>
      <c r="S30" s="3" t="s">
        <v>970</v>
      </c>
      <c r="T30" s="3" t="s">
        <v>37</v>
      </c>
      <c r="U30" s="3" t="s">
        <v>37</v>
      </c>
      <c r="V30" s="3" t="s">
        <v>37</v>
      </c>
    </row>
    <row r="31" spans="1:22" ht="14.45" customHeight="1" x14ac:dyDescent="0.25">
      <c r="A31" s="3" t="s">
        <v>900</v>
      </c>
      <c r="B31" s="4" t="s">
        <v>23</v>
      </c>
      <c r="C31" s="3" t="s">
        <v>24</v>
      </c>
      <c r="D31" s="5" t="s">
        <v>1030</v>
      </c>
      <c r="E31" s="3" t="s">
        <v>1004</v>
      </c>
      <c r="F31" s="3" t="s">
        <v>1031</v>
      </c>
      <c r="G31" s="3" t="s">
        <v>387</v>
      </c>
      <c r="H31" s="3" t="s">
        <v>60</v>
      </c>
      <c r="I31" s="3" t="s">
        <v>37</v>
      </c>
      <c r="J31" s="3" t="s">
        <v>1032</v>
      </c>
      <c r="K31" s="3" t="s">
        <v>32</v>
      </c>
      <c r="L31" s="3" t="s">
        <v>33</v>
      </c>
      <c r="M31" s="3" t="s">
        <v>69</v>
      </c>
      <c r="N31" s="3" t="s">
        <v>79</v>
      </c>
      <c r="O31" s="3" t="s">
        <v>54</v>
      </c>
      <c r="P31" s="3" t="s">
        <v>55</v>
      </c>
      <c r="Q31" s="3" t="s">
        <v>37</v>
      </c>
      <c r="R31" s="3" t="s">
        <v>39</v>
      </c>
      <c r="S31" s="3" t="s">
        <v>1033</v>
      </c>
      <c r="T31" s="3" t="s">
        <v>37</v>
      </c>
      <c r="U31" s="3" t="s">
        <v>37</v>
      </c>
      <c r="V31" s="3" t="s">
        <v>37</v>
      </c>
    </row>
    <row r="32" spans="1:22" ht="14.45" customHeight="1" x14ac:dyDescent="0.25">
      <c r="A32" s="3" t="s">
        <v>900</v>
      </c>
      <c r="B32" s="4" t="s">
        <v>23</v>
      </c>
      <c r="C32" s="3" t="s">
        <v>24</v>
      </c>
      <c r="D32" s="5" t="s">
        <v>333</v>
      </c>
      <c r="E32" s="3" t="s">
        <v>993</v>
      </c>
      <c r="F32" s="3" t="s">
        <v>1034</v>
      </c>
      <c r="G32" s="3" t="s">
        <v>474</v>
      </c>
      <c r="H32" s="3" t="s">
        <v>50</v>
      </c>
      <c r="I32" s="3" t="s">
        <v>1035</v>
      </c>
      <c r="J32" s="3" t="s">
        <v>1036</v>
      </c>
      <c r="K32" s="3" t="s">
        <v>32</v>
      </c>
      <c r="L32" s="3" t="s">
        <v>33</v>
      </c>
      <c r="M32" s="3" t="s">
        <v>69</v>
      </c>
      <c r="N32" s="3" t="s">
        <v>131</v>
      </c>
      <c r="O32" s="3" t="s">
        <v>54</v>
      </c>
      <c r="P32" s="3" t="s">
        <v>37</v>
      </c>
      <c r="Q32" s="3" t="s">
        <v>37</v>
      </c>
      <c r="R32" s="3" t="s">
        <v>39</v>
      </c>
      <c r="S32" s="3" t="s">
        <v>1037</v>
      </c>
      <c r="T32" s="3" t="s">
        <v>37</v>
      </c>
      <c r="U32" s="3" t="s">
        <v>37</v>
      </c>
      <c r="V32" s="3" t="s">
        <v>37</v>
      </c>
    </row>
    <row r="33" spans="1:22" ht="14.45" customHeight="1" x14ac:dyDescent="0.25">
      <c r="A33" s="3" t="s">
        <v>900</v>
      </c>
      <c r="B33" s="4" t="s">
        <v>23</v>
      </c>
      <c r="C33" s="3" t="s">
        <v>24</v>
      </c>
      <c r="D33" s="5" t="s">
        <v>193</v>
      </c>
      <c r="E33" s="3" t="s">
        <v>993</v>
      </c>
      <c r="F33" s="3" t="s">
        <v>1038</v>
      </c>
      <c r="G33" s="3" t="s">
        <v>76</v>
      </c>
      <c r="H33" s="3" t="s">
        <v>60</v>
      </c>
      <c r="I33" s="3" t="s">
        <v>1039</v>
      </c>
      <c r="J33" s="3" t="s">
        <v>1040</v>
      </c>
      <c r="K33" s="3" t="s">
        <v>32</v>
      </c>
      <c r="L33" s="3" t="s">
        <v>33</v>
      </c>
      <c r="M33" s="3" t="s">
        <v>69</v>
      </c>
      <c r="N33" s="3" t="s">
        <v>35</v>
      </c>
      <c r="O33" s="3" t="s">
        <v>36</v>
      </c>
      <c r="P33" s="3" t="s">
        <v>37</v>
      </c>
      <c r="Q33" s="3" t="s">
        <v>37</v>
      </c>
      <c r="R33" s="3" t="s">
        <v>39</v>
      </c>
      <c r="S33" s="3" t="s">
        <v>1041</v>
      </c>
      <c r="T33" s="3" t="s">
        <v>37</v>
      </c>
      <c r="U33" s="3" t="s">
        <v>37</v>
      </c>
      <c r="V33" s="3" t="s">
        <v>37</v>
      </c>
    </row>
    <row r="34" spans="1:22" ht="14.45" customHeight="1" x14ac:dyDescent="0.25">
      <c r="A34" s="3" t="s">
        <v>900</v>
      </c>
      <c r="B34" s="4" t="s">
        <v>23</v>
      </c>
      <c r="C34" s="3" t="s">
        <v>24</v>
      </c>
      <c r="D34" s="5" t="s">
        <v>477</v>
      </c>
      <c r="E34" s="3" t="s">
        <v>478</v>
      </c>
      <c r="F34" s="3" t="s">
        <v>963</v>
      </c>
      <c r="G34" s="3" t="s">
        <v>383</v>
      </c>
      <c r="H34" s="3" t="s">
        <v>60</v>
      </c>
      <c r="I34" s="3" t="s">
        <v>481</v>
      </c>
      <c r="J34" s="3" t="s">
        <v>964</v>
      </c>
      <c r="K34" s="3" t="s">
        <v>32</v>
      </c>
      <c r="L34" s="3" t="s">
        <v>37</v>
      </c>
      <c r="M34" s="3" t="s">
        <v>34</v>
      </c>
      <c r="N34" s="3" t="s">
        <v>79</v>
      </c>
      <c r="O34" s="3" t="s">
        <v>113</v>
      </c>
      <c r="P34" s="3" t="s">
        <v>37</v>
      </c>
      <c r="Q34" s="3" t="s">
        <v>37</v>
      </c>
      <c r="R34" s="3" t="s">
        <v>39</v>
      </c>
      <c r="S34" s="3" t="s">
        <v>965</v>
      </c>
      <c r="T34" s="3" t="s">
        <v>37</v>
      </c>
      <c r="U34" s="3" t="s">
        <v>37</v>
      </c>
      <c r="V34" s="3" t="s">
        <v>37</v>
      </c>
    </row>
    <row r="35" spans="1:22" ht="14.45" customHeight="1" x14ac:dyDescent="0.25">
      <c r="A35" s="3" t="s">
        <v>900</v>
      </c>
      <c r="B35" s="4" t="s">
        <v>23</v>
      </c>
      <c r="C35" s="3" t="s">
        <v>24</v>
      </c>
      <c r="D35" s="5" t="s">
        <v>1042</v>
      </c>
      <c r="E35" s="3" t="s">
        <v>478</v>
      </c>
      <c r="F35" s="3" t="s">
        <v>1043</v>
      </c>
      <c r="G35" s="3" t="s">
        <v>1044</v>
      </c>
      <c r="H35" s="3" t="s">
        <v>180</v>
      </c>
      <c r="I35" s="3" t="s">
        <v>37</v>
      </c>
      <c r="J35" s="3" t="s">
        <v>1045</v>
      </c>
      <c r="K35" s="3" t="s">
        <v>32</v>
      </c>
      <c r="L35" s="3" t="s">
        <v>33</v>
      </c>
      <c r="M35" s="3" t="s">
        <v>34</v>
      </c>
      <c r="N35" s="3" t="s">
        <v>159</v>
      </c>
      <c r="O35" s="3" t="s">
        <v>113</v>
      </c>
      <c r="P35" s="3" t="s">
        <v>55</v>
      </c>
      <c r="Q35" s="3" t="s">
        <v>37</v>
      </c>
      <c r="R35" s="3" t="s">
        <v>39</v>
      </c>
      <c r="S35" s="3" t="s">
        <v>1046</v>
      </c>
      <c r="T35" s="3" t="s">
        <v>37</v>
      </c>
      <c r="U35" s="3" t="s">
        <v>37</v>
      </c>
      <c r="V35" s="3" t="s">
        <v>37</v>
      </c>
    </row>
    <row r="36" spans="1:22" ht="14.45" customHeight="1" x14ac:dyDescent="0.25">
      <c r="A36" s="3" t="s">
        <v>900</v>
      </c>
      <c r="B36" s="4" t="s">
        <v>23</v>
      </c>
      <c r="C36" s="3" t="s">
        <v>24</v>
      </c>
      <c r="D36" s="5" t="s">
        <v>207</v>
      </c>
      <c r="E36" s="3" t="s">
        <v>478</v>
      </c>
      <c r="F36" s="3" t="s">
        <v>1047</v>
      </c>
      <c r="G36" s="3" t="s">
        <v>903</v>
      </c>
      <c r="H36" s="3" t="s">
        <v>180</v>
      </c>
      <c r="I36" s="3" t="s">
        <v>37</v>
      </c>
      <c r="J36" s="3" t="s">
        <v>1048</v>
      </c>
      <c r="K36" s="3" t="s">
        <v>32</v>
      </c>
      <c r="L36" s="3" t="s">
        <v>33</v>
      </c>
      <c r="M36" s="3" t="s">
        <v>34</v>
      </c>
      <c r="N36" s="3" t="s">
        <v>159</v>
      </c>
      <c r="O36" s="3" t="s">
        <v>37</v>
      </c>
      <c r="P36" s="3" t="s">
        <v>37</v>
      </c>
      <c r="Q36" s="3" t="s">
        <v>37</v>
      </c>
      <c r="R36" s="3" t="s">
        <v>39</v>
      </c>
      <c r="S36" s="3" t="s">
        <v>1049</v>
      </c>
      <c r="T36" s="3" t="s">
        <v>37</v>
      </c>
      <c r="U36" s="3" t="s">
        <v>37</v>
      </c>
      <c r="V36" s="3" t="s">
        <v>37</v>
      </c>
    </row>
    <row r="37" spans="1:22" ht="14.45" customHeight="1" x14ac:dyDescent="0.25">
      <c r="A37" s="3" t="s">
        <v>900</v>
      </c>
      <c r="B37" s="4" t="s">
        <v>23</v>
      </c>
      <c r="C37" s="3" t="s">
        <v>24</v>
      </c>
      <c r="D37" s="5" t="s">
        <v>353</v>
      </c>
      <c r="E37" s="3" t="s">
        <v>913</v>
      </c>
      <c r="F37" s="3" t="s">
        <v>1050</v>
      </c>
      <c r="G37" s="3" t="s">
        <v>295</v>
      </c>
      <c r="H37" s="3" t="s">
        <v>29</v>
      </c>
      <c r="I37" s="3" t="s">
        <v>915</v>
      </c>
      <c r="J37" s="3" t="s">
        <v>1051</v>
      </c>
      <c r="K37" s="3" t="s">
        <v>32</v>
      </c>
      <c r="L37" s="3" t="s">
        <v>33</v>
      </c>
      <c r="M37" s="3" t="s">
        <v>34</v>
      </c>
      <c r="N37" s="3" t="s">
        <v>53</v>
      </c>
      <c r="O37" s="3" t="s">
        <v>54</v>
      </c>
      <c r="P37" s="3" t="s">
        <v>37</v>
      </c>
      <c r="Q37" s="3" t="s">
        <v>37</v>
      </c>
      <c r="R37" s="3" t="s">
        <v>39</v>
      </c>
      <c r="S37" s="3" t="s">
        <v>1052</v>
      </c>
      <c r="T37" s="3" t="s">
        <v>37</v>
      </c>
      <c r="U37" s="3" t="s">
        <v>37</v>
      </c>
      <c r="V37" s="3" t="s">
        <v>37</v>
      </c>
    </row>
    <row r="38" spans="1:22" ht="14.45" customHeight="1" x14ac:dyDescent="0.25">
      <c r="A38" s="3" t="s">
        <v>900</v>
      </c>
      <c r="B38" s="4" t="s">
        <v>23</v>
      </c>
      <c r="C38" s="3" t="s">
        <v>24</v>
      </c>
      <c r="D38" s="5" t="s">
        <v>215</v>
      </c>
      <c r="E38" s="3" t="s">
        <v>913</v>
      </c>
      <c r="F38" s="3" t="s">
        <v>1053</v>
      </c>
      <c r="G38" s="3" t="s">
        <v>163</v>
      </c>
      <c r="H38" s="3" t="s">
        <v>29</v>
      </c>
      <c r="I38" s="3" t="s">
        <v>915</v>
      </c>
      <c r="J38" s="3" t="s">
        <v>1054</v>
      </c>
      <c r="K38" s="3" t="s">
        <v>32</v>
      </c>
      <c r="L38" s="3" t="s">
        <v>33</v>
      </c>
      <c r="M38" s="3" t="s">
        <v>34</v>
      </c>
      <c r="N38" s="3" t="s">
        <v>53</v>
      </c>
      <c r="O38" s="3" t="s">
        <v>54</v>
      </c>
      <c r="P38" s="3" t="s">
        <v>37</v>
      </c>
      <c r="Q38" s="3" t="s">
        <v>37</v>
      </c>
      <c r="R38" s="3" t="s">
        <v>39</v>
      </c>
      <c r="S38" s="3" t="s">
        <v>1055</v>
      </c>
      <c r="T38" s="3" t="s">
        <v>37</v>
      </c>
      <c r="U38" s="3" t="s">
        <v>37</v>
      </c>
      <c r="V38" s="3" t="s">
        <v>37</v>
      </c>
    </row>
    <row r="39" spans="1:22" ht="14.45" customHeight="1" x14ac:dyDescent="0.25">
      <c r="A39" s="3" t="s">
        <v>900</v>
      </c>
      <c r="B39" s="4" t="s">
        <v>23</v>
      </c>
      <c r="C39" s="3" t="s">
        <v>24</v>
      </c>
      <c r="D39" s="5" t="s">
        <v>1056</v>
      </c>
      <c r="E39" s="3" t="s">
        <v>913</v>
      </c>
      <c r="F39" s="3" t="s">
        <v>1057</v>
      </c>
      <c r="G39" s="3" t="s">
        <v>195</v>
      </c>
      <c r="H39" s="3" t="s">
        <v>29</v>
      </c>
      <c r="I39" s="3" t="s">
        <v>915</v>
      </c>
      <c r="J39" s="3" t="s">
        <v>1058</v>
      </c>
      <c r="K39" s="3" t="s">
        <v>32</v>
      </c>
      <c r="L39" s="3" t="s">
        <v>33</v>
      </c>
      <c r="M39" s="3" t="s">
        <v>34</v>
      </c>
      <c r="N39" s="3" t="s">
        <v>53</v>
      </c>
      <c r="O39" s="3" t="s">
        <v>54</v>
      </c>
      <c r="P39" s="3" t="s">
        <v>37</v>
      </c>
      <c r="Q39" s="3" t="s">
        <v>37</v>
      </c>
      <c r="R39" s="3" t="s">
        <v>39</v>
      </c>
      <c r="S39" s="3" t="s">
        <v>1059</v>
      </c>
      <c r="T39" s="3" t="s">
        <v>37</v>
      </c>
      <c r="U39" s="3" t="s">
        <v>37</v>
      </c>
      <c r="V39" s="3" t="s">
        <v>37</v>
      </c>
    </row>
    <row r="40" spans="1:22" ht="14.45" customHeight="1" x14ac:dyDescent="0.25">
      <c r="A40" s="3" t="s">
        <v>900</v>
      </c>
      <c r="B40" s="4" t="s">
        <v>23</v>
      </c>
      <c r="C40" s="3" t="s">
        <v>24</v>
      </c>
      <c r="D40" s="5" t="s">
        <v>217</v>
      </c>
      <c r="E40" s="3" t="s">
        <v>913</v>
      </c>
      <c r="F40" s="3" t="s">
        <v>1060</v>
      </c>
      <c r="G40" s="3" t="s">
        <v>269</v>
      </c>
      <c r="H40" s="3" t="s">
        <v>29</v>
      </c>
      <c r="I40" s="3" t="s">
        <v>915</v>
      </c>
      <c r="J40" s="3" t="s">
        <v>1061</v>
      </c>
      <c r="K40" s="3" t="s">
        <v>32</v>
      </c>
      <c r="L40" s="3" t="s">
        <v>33</v>
      </c>
      <c r="M40" s="3" t="s">
        <v>34</v>
      </c>
      <c r="N40" s="3" t="s">
        <v>53</v>
      </c>
      <c r="O40" s="3" t="s">
        <v>54</v>
      </c>
      <c r="P40" s="3" t="s">
        <v>37</v>
      </c>
      <c r="Q40" s="3" t="s">
        <v>37</v>
      </c>
      <c r="R40" s="3" t="s">
        <v>39</v>
      </c>
      <c r="S40" s="3" t="s">
        <v>1062</v>
      </c>
      <c r="T40" s="3" t="s">
        <v>37</v>
      </c>
      <c r="U40" s="3" t="s">
        <v>37</v>
      </c>
      <c r="V40" s="3" t="s">
        <v>37</v>
      </c>
    </row>
    <row r="41" spans="1:22" ht="14.45" customHeight="1" x14ac:dyDescent="0.25">
      <c r="A41" s="3" t="s">
        <v>900</v>
      </c>
      <c r="B41" s="4" t="s">
        <v>23</v>
      </c>
      <c r="C41" s="3" t="s">
        <v>24</v>
      </c>
      <c r="D41" s="5" t="s">
        <v>1063</v>
      </c>
      <c r="E41" s="3" t="s">
        <v>478</v>
      </c>
      <c r="F41" s="3" t="s">
        <v>1064</v>
      </c>
      <c r="G41" s="3" t="s">
        <v>628</v>
      </c>
      <c r="H41" s="3" t="s">
        <v>60</v>
      </c>
      <c r="I41" s="3" t="s">
        <v>481</v>
      </c>
      <c r="J41" s="3" t="s">
        <v>1065</v>
      </c>
      <c r="K41" s="3" t="s">
        <v>32</v>
      </c>
      <c r="L41" s="3" t="s">
        <v>33</v>
      </c>
      <c r="M41" s="3" t="s">
        <v>34</v>
      </c>
      <c r="N41" s="3" t="s">
        <v>79</v>
      </c>
      <c r="O41" s="3" t="s">
        <v>113</v>
      </c>
      <c r="P41" s="3" t="s">
        <v>37</v>
      </c>
      <c r="Q41" s="3" t="s">
        <v>37</v>
      </c>
      <c r="R41" s="3" t="s">
        <v>39</v>
      </c>
      <c r="S41" s="3" t="s">
        <v>1066</v>
      </c>
      <c r="T41" s="3" t="s">
        <v>37</v>
      </c>
      <c r="U41" s="3" t="s">
        <v>37</v>
      </c>
      <c r="V41" s="3" t="s">
        <v>37</v>
      </c>
    </row>
    <row r="42" spans="1:22" ht="14.45" customHeight="1" x14ac:dyDescent="0.25">
      <c r="A42" s="3"/>
      <c r="B42" s="4"/>
      <c r="C42" s="3"/>
      <c r="D42" s="5"/>
      <c r="E42" s="6" t="s">
        <v>1067</v>
      </c>
      <c r="F42" s="3"/>
      <c r="G42" s="3"/>
      <c r="H42" s="3"/>
      <c r="I42" s="3"/>
      <c r="J42" s="3"/>
      <c r="K42" s="3"/>
      <c r="L42" s="3"/>
      <c r="M42" s="3"/>
      <c r="N42" s="3"/>
      <c r="O42" s="3"/>
      <c r="P42" s="3"/>
      <c r="Q42" s="3"/>
      <c r="R42" s="3"/>
      <c r="S42" s="3"/>
      <c r="T42" s="3"/>
      <c r="U42" s="3"/>
      <c r="V42" s="3"/>
    </row>
    <row r="43" spans="1:22" ht="14.45" customHeight="1" x14ac:dyDescent="0.25">
      <c r="A43" s="3"/>
      <c r="B43" s="4"/>
      <c r="C43" s="3"/>
      <c r="D43" s="5"/>
      <c r="E43" s="3"/>
      <c r="F43" s="3"/>
      <c r="G43" s="3"/>
      <c r="H43" s="3"/>
      <c r="I43" s="3"/>
      <c r="J43" s="3"/>
      <c r="K43" s="3"/>
      <c r="L43" s="3"/>
      <c r="M43" s="3"/>
      <c r="N43" s="3"/>
      <c r="O43" s="3"/>
      <c r="P43" s="3"/>
      <c r="Q43" s="3"/>
      <c r="R43" s="3"/>
      <c r="S43" s="3"/>
      <c r="T43" s="3"/>
      <c r="U43" s="3"/>
      <c r="V43" s="3"/>
    </row>
    <row r="44" spans="1:22" ht="14.45" customHeight="1" x14ac:dyDescent="0.25">
      <c r="A44" s="3" t="s">
        <v>900</v>
      </c>
      <c r="B44" s="4" t="s">
        <v>226</v>
      </c>
      <c r="C44" s="3" t="s">
        <v>227</v>
      </c>
      <c r="D44" s="5" t="s">
        <v>25</v>
      </c>
      <c r="E44" s="3" t="s">
        <v>901</v>
      </c>
      <c r="F44" s="3" t="s">
        <v>1075</v>
      </c>
      <c r="G44" s="3" t="s">
        <v>1076</v>
      </c>
      <c r="H44" s="3" t="s">
        <v>50</v>
      </c>
      <c r="I44" s="3" t="s">
        <v>1077</v>
      </c>
      <c r="J44" s="3" t="s">
        <v>1078</v>
      </c>
      <c r="K44" s="3" t="s">
        <v>32</v>
      </c>
      <c r="L44" s="3" t="s">
        <v>33</v>
      </c>
      <c r="M44" s="3" t="s">
        <v>69</v>
      </c>
      <c r="N44" s="3" t="s">
        <v>906</v>
      </c>
      <c r="O44" s="3" t="s">
        <v>113</v>
      </c>
      <c r="P44" s="3" t="s">
        <v>37</v>
      </c>
      <c r="Q44" s="3" t="s">
        <v>37</v>
      </c>
      <c r="R44" s="3" t="s">
        <v>39</v>
      </c>
      <c r="S44" s="3" t="s">
        <v>1079</v>
      </c>
      <c r="T44" s="3" t="s">
        <v>37</v>
      </c>
      <c r="U44" s="3" t="s">
        <v>37</v>
      </c>
      <c r="V44" s="3" t="s">
        <v>37</v>
      </c>
    </row>
    <row r="45" spans="1:22" ht="14.45" customHeight="1" x14ac:dyDescent="0.25">
      <c r="A45" s="3" t="s">
        <v>900</v>
      </c>
      <c r="B45" s="4" t="s">
        <v>226</v>
      </c>
      <c r="C45" s="3" t="s">
        <v>227</v>
      </c>
      <c r="D45" s="5" t="s">
        <v>908</v>
      </c>
      <c r="E45" s="3" t="s">
        <v>901</v>
      </c>
      <c r="F45" s="3" t="s">
        <v>1080</v>
      </c>
      <c r="G45" s="3" t="s">
        <v>1081</v>
      </c>
      <c r="H45" s="3" t="s">
        <v>50</v>
      </c>
      <c r="I45" s="3" t="s">
        <v>1077</v>
      </c>
      <c r="J45" s="3" t="s">
        <v>1082</v>
      </c>
      <c r="K45" s="3" t="s">
        <v>32</v>
      </c>
      <c r="L45" s="3" t="s">
        <v>33</v>
      </c>
      <c r="M45" s="3" t="s">
        <v>69</v>
      </c>
      <c r="N45" s="3" t="s">
        <v>906</v>
      </c>
      <c r="O45" s="3" t="s">
        <v>113</v>
      </c>
      <c r="P45" s="3" t="s">
        <v>37</v>
      </c>
      <c r="Q45" s="3" t="s">
        <v>37</v>
      </c>
      <c r="R45" s="3" t="s">
        <v>39</v>
      </c>
      <c r="S45" s="3" t="s">
        <v>1083</v>
      </c>
      <c r="T45" s="3" t="s">
        <v>37</v>
      </c>
      <c r="U45" s="3" t="s">
        <v>37</v>
      </c>
      <c r="V45" s="3" t="s">
        <v>37</v>
      </c>
    </row>
    <row r="46" spans="1:22" ht="14.45" customHeight="1" x14ac:dyDescent="0.25">
      <c r="A46" s="3" t="s">
        <v>900</v>
      </c>
      <c r="B46" s="4" t="s">
        <v>226</v>
      </c>
      <c r="C46" s="3" t="s">
        <v>227</v>
      </c>
      <c r="D46" s="5" t="s">
        <v>46</v>
      </c>
      <c r="E46" s="3" t="s">
        <v>913</v>
      </c>
      <c r="F46" s="3" t="s">
        <v>1084</v>
      </c>
      <c r="G46" s="3" t="s">
        <v>118</v>
      </c>
      <c r="H46" s="3" t="s">
        <v>29</v>
      </c>
      <c r="I46" s="3" t="s">
        <v>915</v>
      </c>
      <c r="J46" s="3" t="s">
        <v>1085</v>
      </c>
      <c r="K46" s="3" t="s">
        <v>32</v>
      </c>
      <c r="L46" s="3" t="s">
        <v>33</v>
      </c>
      <c r="M46" s="3" t="s">
        <v>34</v>
      </c>
      <c r="N46" s="3" t="s">
        <v>53</v>
      </c>
      <c r="O46" s="3" t="s">
        <v>54</v>
      </c>
      <c r="P46" s="3" t="s">
        <v>37</v>
      </c>
      <c r="Q46" s="3" t="s">
        <v>37</v>
      </c>
      <c r="R46" s="3" t="s">
        <v>39</v>
      </c>
      <c r="S46" s="3" t="s">
        <v>1086</v>
      </c>
      <c r="T46" s="3" t="s">
        <v>37</v>
      </c>
      <c r="U46" s="3" t="s">
        <v>37</v>
      </c>
      <c r="V46" s="3" t="s">
        <v>37</v>
      </c>
    </row>
    <row r="47" spans="1:22" ht="14.45" customHeight="1" x14ac:dyDescent="0.25">
      <c r="A47" s="3" t="s">
        <v>900</v>
      </c>
      <c r="B47" s="4" t="s">
        <v>226</v>
      </c>
      <c r="C47" s="3" t="s">
        <v>227</v>
      </c>
      <c r="D47" s="5" t="s">
        <v>918</v>
      </c>
      <c r="E47" s="3" t="s">
        <v>919</v>
      </c>
      <c r="F47" s="3" t="s">
        <v>1087</v>
      </c>
      <c r="G47" s="3" t="s">
        <v>247</v>
      </c>
      <c r="H47" s="3" t="s">
        <v>29</v>
      </c>
      <c r="I47" s="3" t="s">
        <v>37</v>
      </c>
      <c r="J47" s="3" t="s">
        <v>1088</v>
      </c>
      <c r="K47" s="3" t="s">
        <v>32</v>
      </c>
      <c r="L47" s="3" t="s">
        <v>33</v>
      </c>
      <c r="M47" s="3" t="s">
        <v>69</v>
      </c>
      <c r="N47" s="3" t="s">
        <v>53</v>
      </c>
      <c r="O47" s="3" t="s">
        <v>54</v>
      </c>
      <c r="P47" s="3" t="s">
        <v>37</v>
      </c>
      <c r="Q47" s="3" t="s">
        <v>37</v>
      </c>
      <c r="R47" s="3" t="s">
        <v>39</v>
      </c>
      <c r="S47" s="3" t="s">
        <v>1089</v>
      </c>
      <c r="T47" s="3" t="s">
        <v>37</v>
      </c>
      <c r="U47" s="3" t="s">
        <v>37</v>
      </c>
      <c r="V47" s="3" t="s">
        <v>37</v>
      </c>
    </row>
    <row r="48" spans="1:22" ht="14.45" customHeight="1" x14ac:dyDescent="0.25">
      <c r="A48" s="3" t="s">
        <v>900</v>
      </c>
      <c r="B48" s="4" t="s">
        <v>226</v>
      </c>
      <c r="C48" s="3" t="s">
        <v>227</v>
      </c>
      <c r="D48" s="5" t="s">
        <v>923</v>
      </c>
      <c r="E48" s="3" t="s">
        <v>924</v>
      </c>
      <c r="F48" s="3" t="s">
        <v>1072</v>
      </c>
      <c r="G48" s="3" t="s">
        <v>129</v>
      </c>
      <c r="H48" s="3" t="s">
        <v>29</v>
      </c>
      <c r="I48" s="3" t="s">
        <v>935</v>
      </c>
      <c r="J48" s="7" t="s">
        <v>927</v>
      </c>
      <c r="K48" s="3" t="s">
        <v>32</v>
      </c>
      <c r="L48" s="3" t="s">
        <v>33</v>
      </c>
      <c r="M48" s="3" t="s">
        <v>928</v>
      </c>
      <c r="N48" s="3" t="s">
        <v>159</v>
      </c>
      <c r="O48" s="3" t="s">
        <v>166</v>
      </c>
      <c r="P48" s="3" t="s">
        <v>37</v>
      </c>
      <c r="Q48" s="3" t="s">
        <v>37</v>
      </c>
      <c r="R48" s="3" t="s">
        <v>39</v>
      </c>
      <c r="S48" s="3" t="s">
        <v>1090</v>
      </c>
      <c r="T48" s="3" t="s">
        <v>37</v>
      </c>
      <c r="U48" s="3" t="s">
        <v>37</v>
      </c>
      <c r="V48" s="3" t="s">
        <v>37</v>
      </c>
    </row>
    <row r="49" spans="1:22" ht="14.45" customHeight="1" x14ac:dyDescent="0.25">
      <c r="A49" s="3" t="s">
        <v>900</v>
      </c>
      <c r="B49" s="4" t="s">
        <v>226</v>
      </c>
      <c r="C49" s="3" t="s">
        <v>227</v>
      </c>
      <c r="D49" s="5" t="s">
        <v>930</v>
      </c>
      <c r="E49" s="3" t="s">
        <v>924</v>
      </c>
      <c r="F49" s="3" t="s">
        <v>1091</v>
      </c>
      <c r="G49" s="3" t="s">
        <v>358</v>
      </c>
      <c r="H49" s="3" t="s">
        <v>29</v>
      </c>
      <c r="I49" s="3" t="s">
        <v>926</v>
      </c>
      <c r="J49" s="3" t="s">
        <v>1092</v>
      </c>
      <c r="K49" s="3" t="s">
        <v>32</v>
      </c>
      <c r="L49" s="3" t="s">
        <v>33</v>
      </c>
      <c r="M49" s="3" t="s">
        <v>928</v>
      </c>
      <c r="N49" s="3" t="s">
        <v>159</v>
      </c>
      <c r="O49" s="3" t="s">
        <v>166</v>
      </c>
      <c r="P49" s="3" t="s">
        <v>37</v>
      </c>
      <c r="Q49" s="3" t="s">
        <v>37</v>
      </c>
      <c r="R49" s="3" t="s">
        <v>39</v>
      </c>
      <c r="S49" s="3" t="s">
        <v>1093</v>
      </c>
      <c r="T49" s="3" t="s">
        <v>37</v>
      </c>
      <c r="U49" s="3" t="s">
        <v>37</v>
      </c>
      <c r="V49" s="3" t="s">
        <v>37</v>
      </c>
    </row>
    <row r="50" spans="1:22" ht="14.45" customHeight="1" x14ac:dyDescent="0.25">
      <c r="A50" s="3" t="s">
        <v>900</v>
      </c>
      <c r="B50" s="4" t="s">
        <v>226</v>
      </c>
      <c r="C50" s="3" t="s">
        <v>227</v>
      </c>
      <c r="D50" s="5" t="s">
        <v>71</v>
      </c>
      <c r="E50" s="3" t="s">
        <v>924</v>
      </c>
      <c r="F50" s="3" t="s">
        <v>1094</v>
      </c>
      <c r="G50" s="3" t="s">
        <v>290</v>
      </c>
      <c r="H50" s="3" t="s">
        <v>29</v>
      </c>
      <c r="I50" s="3" t="s">
        <v>926</v>
      </c>
      <c r="J50" s="7" t="s">
        <v>927</v>
      </c>
      <c r="K50" s="3" t="s">
        <v>32</v>
      </c>
      <c r="L50" s="3" t="s">
        <v>33</v>
      </c>
      <c r="M50" s="3" t="s">
        <v>928</v>
      </c>
      <c r="N50" s="3" t="s">
        <v>159</v>
      </c>
      <c r="O50" s="3" t="s">
        <v>166</v>
      </c>
      <c r="P50" s="3" t="s">
        <v>37</v>
      </c>
      <c r="Q50" s="3" t="s">
        <v>37</v>
      </c>
      <c r="R50" s="3" t="s">
        <v>39</v>
      </c>
      <c r="S50" s="3" t="s">
        <v>1095</v>
      </c>
      <c r="T50" s="3" t="s">
        <v>37</v>
      </c>
      <c r="U50" s="3" t="s">
        <v>37</v>
      </c>
      <c r="V50" s="3" t="s">
        <v>37</v>
      </c>
    </row>
    <row r="51" spans="1:22" ht="14.45" customHeight="1" x14ac:dyDescent="0.25">
      <c r="A51" s="3" t="s">
        <v>900</v>
      </c>
      <c r="B51" s="4" t="s">
        <v>226</v>
      </c>
      <c r="C51" s="3" t="s">
        <v>227</v>
      </c>
      <c r="D51" s="5" t="s">
        <v>938</v>
      </c>
      <c r="E51" s="3" t="s">
        <v>924</v>
      </c>
      <c r="F51" s="3" t="s">
        <v>1096</v>
      </c>
      <c r="G51" s="3" t="s">
        <v>443</v>
      </c>
      <c r="H51" s="3" t="s">
        <v>29</v>
      </c>
      <c r="I51" s="3" t="s">
        <v>935</v>
      </c>
      <c r="J51" s="3" t="s">
        <v>1097</v>
      </c>
      <c r="K51" s="3" t="s">
        <v>32</v>
      </c>
      <c r="L51" s="3" t="s">
        <v>33</v>
      </c>
      <c r="M51" s="3" t="s">
        <v>928</v>
      </c>
      <c r="N51" s="3" t="s">
        <v>159</v>
      </c>
      <c r="O51" s="3" t="s">
        <v>166</v>
      </c>
      <c r="P51" s="3" t="s">
        <v>37</v>
      </c>
      <c r="Q51" s="3" t="s">
        <v>37</v>
      </c>
      <c r="R51" s="3" t="s">
        <v>39</v>
      </c>
      <c r="S51" s="3" t="s">
        <v>1098</v>
      </c>
      <c r="T51" s="3" t="s">
        <v>37</v>
      </c>
      <c r="U51" s="3" t="s">
        <v>37</v>
      </c>
      <c r="V51" s="3" t="s">
        <v>37</v>
      </c>
    </row>
    <row r="52" spans="1:22" ht="14.45" customHeight="1" x14ac:dyDescent="0.25">
      <c r="A52" s="3" t="s">
        <v>900</v>
      </c>
      <c r="B52" s="4" t="s">
        <v>226</v>
      </c>
      <c r="C52" s="3" t="s">
        <v>227</v>
      </c>
      <c r="D52" s="5" t="s">
        <v>942</v>
      </c>
      <c r="E52" s="3" t="s">
        <v>924</v>
      </c>
      <c r="F52" s="3" t="s">
        <v>1074</v>
      </c>
      <c r="G52" s="3" t="s">
        <v>554</v>
      </c>
      <c r="H52" s="3" t="s">
        <v>29</v>
      </c>
      <c r="I52" s="3" t="s">
        <v>935</v>
      </c>
      <c r="J52" s="7" t="s">
        <v>927</v>
      </c>
      <c r="K52" s="3" t="s">
        <v>32</v>
      </c>
      <c r="L52" s="3" t="s">
        <v>33</v>
      </c>
      <c r="M52" s="3" t="s">
        <v>928</v>
      </c>
      <c r="N52" s="3" t="s">
        <v>159</v>
      </c>
      <c r="O52" s="3" t="s">
        <v>166</v>
      </c>
      <c r="P52" s="3" t="s">
        <v>37</v>
      </c>
      <c r="Q52" s="3" t="s">
        <v>37</v>
      </c>
      <c r="R52" s="3" t="s">
        <v>39</v>
      </c>
      <c r="S52" s="3" t="s">
        <v>1099</v>
      </c>
      <c r="T52" s="3" t="s">
        <v>37</v>
      </c>
      <c r="U52" s="3" t="s">
        <v>37</v>
      </c>
      <c r="V52" s="3" t="s">
        <v>37</v>
      </c>
    </row>
    <row r="53" spans="1:22" ht="14.45" customHeight="1" x14ac:dyDescent="0.25">
      <c r="A53" s="3" t="s">
        <v>900</v>
      </c>
      <c r="B53" s="4" t="s">
        <v>226</v>
      </c>
      <c r="C53" s="3" t="s">
        <v>227</v>
      </c>
      <c r="D53" s="5" t="s">
        <v>81</v>
      </c>
      <c r="E53" s="3" t="s">
        <v>924</v>
      </c>
      <c r="F53" s="3" t="s">
        <v>1100</v>
      </c>
      <c r="G53" s="3" t="s">
        <v>118</v>
      </c>
      <c r="H53" s="3" t="s">
        <v>29</v>
      </c>
      <c r="I53" s="3" t="s">
        <v>926</v>
      </c>
      <c r="J53" s="3" t="s">
        <v>1101</v>
      </c>
      <c r="K53" s="3" t="s">
        <v>32</v>
      </c>
      <c r="L53" s="3" t="s">
        <v>33</v>
      </c>
      <c r="M53" s="3" t="s">
        <v>928</v>
      </c>
      <c r="N53" s="3" t="s">
        <v>159</v>
      </c>
      <c r="O53" s="3" t="s">
        <v>166</v>
      </c>
      <c r="P53" s="3" t="s">
        <v>37</v>
      </c>
      <c r="Q53" s="3" t="s">
        <v>37</v>
      </c>
      <c r="R53" s="3" t="s">
        <v>39</v>
      </c>
      <c r="S53" s="3" t="s">
        <v>1102</v>
      </c>
      <c r="T53" s="3" t="s">
        <v>37</v>
      </c>
      <c r="U53" s="3" t="s">
        <v>37</v>
      </c>
      <c r="V53" s="3" t="s">
        <v>37</v>
      </c>
    </row>
    <row r="54" spans="1:22" ht="14.45" customHeight="1" x14ac:dyDescent="0.25">
      <c r="A54" s="3" t="s">
        <v>900</v>
      </c>
      <c r="B54" s="4" t="s">
        <v>226</v>
      </c>
      <c r="C54" s="3" t="s">
        <v>227</v>
      </c>
      <c r="D54" s="5" t="s">
        <v>948</v>
      </c>
      <c r="E54" s="3" t="s">
        <v>949</v>
      </c>
      <c r="F54" s="3" t="s">
        <v>1103</v>
      </c>
      <c r="G54" s="3" t="s">
        <v>713</v>
      </c>
      <c r="H54" s="3" t="s">
        <v>50</v>
      </c>
      <c r="I54" s="3" t="s">
        <v>37</v>
      </c>
      <c r="J54" s="3" t="s">
        <v>1104</v>
      </c>
      <c r="K54" s="3" t="s">
        <v>32</v>
      </c>
      <c r="L54" s="3" t="s">
        <v>33</v>
      </c>
      <c r="M54" s="3" t="s">
        <v>69</v>
      </c>
      <c r="N54" s="3" t="s">
        <v>159</v>
      </c>
      <c r="O54" s="3" t="s">
        <v>113</v>
      </c>
      <c r="P54" s="3" t="s">
        <v>37</v>
      </c>
      <c r="Q54" s="3" t="s">
        <v>37</v>
      </c>
      <c r="R54" s="3" t="s">
        <v>39</v>
      </c>
      <c r="S54" s="3" t="s">
        <v>1105</v>
      </c>
      <c r="T54" s="3" t="s">
        <v>37</v>
      </c>
      <c r="U54" s="3" t="s">
        <v>37</v>
      </c>
      <c r="V54" s="3" t="s">
        <v>37</v>
      </c>
    </row>
    <row r="55" spans="1:22" ht="14.45" customHeight="1" x14ac:dyDescent="0.25">
      <c r="A55" s="3" t="s">
        <v>900</v>
      </c>
      <c r="B55" s="4" t="s">
        <v>226</v>
      </c>
      <c r="C55" s="3" t="s">
        <v>227</v>
      </c>
      <c r="D55" s="5" t="s">
        <v>953</v>
      </c>
      <c r="E55" s="3" t="s">
        <v>949</v>
      </c>
      <c r="F55" s="3" t="s">
        <v>1106</v>
      </c>
      <c r="G55" s="3" t="s">
        <v>383</v>
      </c>
      <c r="H55" s="3" t="s">
        <v>50</v>
      </c>
      <c r="I55" s="3" t="s">
        <v>37</v>
      </c>
      <c r="J55" s="3" t="s">
        <v>1107</v>
      </c>
      <c r="K55" s="3" t="s">
        <v>32</v>
      </c>
      <c r="L55" s="3" t="s">
        <v>33</v>
      </c>
      <c r="M55" s="3" t="s">
        <v>69</v>
      </c>
      <c r="N55" s="3" t="s">
        <v>159</v>
      </c>
      <c r="O55" s="3" t="s">
        <v>113</v>
      </c>
      <c r="P55" s="3" t="s">
        <v>37</v>
      </c>
      <c r="Q55" s="3" t="s">
        <v>37</v>
      </c>
      <c r="R55" s="3" t="s">
        <v>39</v>
      </c>
      <c r="S55" s="3" t="s">
        <v>1108</v>
      </c>
      <c r="T55" s="3" t="s">
        <v>37</v>
      </c>
      <c r="U55" s="3" t="s">
        <v>37</v>
      </c>
      <c r="V55" s="3" t="s">
        <v>37</v>
      </c>
    </row>
    <row r="56" spans="1:22" ht="14.45" customHeight="1" x14ac:dyDescent="0.25">
      <c r="A56" s="3" t="s">
        <v>900</v>
      </c>
      <c r="B56" s="4" t="s">
        <v>226</v>
      </c>
      <c r="C56" s="3" t="s">
        <v>227</v>
      </c>
      <c r="D56" s="5" t="s">
        <v>957</v>
      </c>
      <c r="E56" s="3" t="s">
        <v>1024</v>
      </c>
      <c r="F56" s="3" t="s">
        <v>1025</v>
      </c>
      <c r="G56" s="3" t="s">
        <v>59</v>
      </c>
      <c r="H56" s="3" t="s">
        <v>60</v>
      </c>
      <c r="I56" s="3" t="s">
        <v>1026</v>
      </c>
      <c r="J56" s="8" t="s">
        <v>1027</v>
      </c>
      <c r="K56" s="3" t="s">
        <v>32</v>
      </c>
      <c r="L56" s="3" t="s">
        <v>33</v>
      </c>
      <c r="M56" s="3" t="s">
        <v>69</v>
      </c>
      <c r="N56" s="3" t="s">
        <v>159</v>
      </c>
      <c r="O56" s="3" t="s">
        <v>37</v>
      </c>
      <c r="P56" s="3" t="s">
        <v>37</v>
      </c>
      <c r="Q56" s="3" t="s">
        <v>37</v>
      </c>
      <c r="R56" s="3" t="s">
        <v>39</v>
      </c>
      <c r="S56" s="3" t="s">
        <v>1028</v>
      </c>
      <c r="T56" s="3" t="s">
        <v>37</v>
      </c>
      <c r="U56" s="3" t="s">
        <v>37</v>
      </c>
      <c r="V56" s="3" t="s">
        <v>37</v>
      </c>
    </row>
    <row r="57" spans="1:22" ht="14.45" customHeight="1" x14ac:dyDescent="0.25">
      <c r="A57" s="3" t="s">
        <v>900</v>
      </c>
      <c r="B57" s="4" t="s">
        <v>226</v>
      </c>
      <c r="C57" s="3" t="s">
        <v>227</v>
      </c>
      <c r="D57" s="5" t="s">
        <v>962</v>
      </c>
      <c r="E57" s="3" t="s">
        <v>478</v>
      </c>
      <c r="F57" s="3" t="s">
        <v>1043</v>
      </c>
      <c r="G57" s="3" t="s">
        <v>1044</v>
      </c>
      <c r="H57" s="3" t="s">
        <v>180</v>
      </c>
      <c r="I57" s="3" t="s">
        <v>37</v>
      </c>
      <c r="J57" s="3" t="s">
        <v>1045</v>
      </c>
      <c r="K57" s="3" t="s">
        <v>32</v>
      </c>
      <c r="L57" s="3" t="s">
        <v>33</v>
      </c>
      <c r="M57" s="3" t="s">
        <v>34</v>
      </c>
      <c r="N57" s="3" t="s">
        <v>159</v>
      </c>
      <c r="O57" s="3" t="s">
        <v>113</v>
      </c>
      <c r="P57" s="3" t="s">
        <v>55</v>
      </c>
      <c r="Q57" s="3" t="s">
        <v>37</v>
      </c>
      <c r="R57" s="3" t="s">
        <v>39</v>
      </c>
      <c r="S57" s="3" t="s">
        <v>1046</v>
      </c>
      <c r="T57" s="3" t="s">
        <v>37</v>
      </c>
      <c r="U57" s="3" t="s">
        <v>37</v>
      </c>
      <c r="V57" s="3" t="s">
        <v>37</v>
      </c>
    </row>
    <row r="58" spans="1:22" ht="14.45" customHeight="1" x14ac:dyDescent="0.25">
      <c r="A58" s="3" t="s">
        <v>900</v>
      </c>
      <c r="B58" s="4" t="s">
        <v>226</v>
      </c>
      <c r="C58" s="3" t="s">
        <v>227</v>
      </c>
      <c r="D58" s="5" t="s">
        <v>966</v>
      </c>
      <c r="E58" s="3" t="s">
        <v>1109</v>
      </c>
      <c r="F58" s="3" t="s">
        <v>37</v>
      </c>
      <c r="G58" s="3">
        <v>1</v>
      </c>
      <c r="H58" s="3">
        <v>0</v>
      </c>
      <c r="I58" s="3" t="s">
        <v>37</v>
      </c>
      <c r="J58" s="3" t="s">
        <v>1110</v>
      </c>
      <c r="K58" s="3" t="s">
        <v>211</v>
      </c>
      <c r="L58" s="3" t="s">
        <v>37</v>
      </c>
      <c r="M58" s="3" t="s">
        <v>34</v>
      </c>
      <c r="N58" s="3" t="s">
        <v>159</v>
      </c>
      <c r="O58" s="3" t="s">
        <v>263</v>
      </c>
      <c r="P58" s="3" t="s">
        <v>55</v>
      </c>
      <c r="Q58" s="3" t="s">
        <v>37</v>
      </c>
      <c r="R58" s="3" t="s">
        <v>39</v>
      </c>
      <c r="S58" s="3" t="s">
        <v>1111</v>
      </c>
      <c r="T58" s="3" t="s">
        <v>37</v>
      </c>
      <c r="U58" s="3" t="s">
        <v>37</v>
      </c>
      <c r="V58" s="3" t="s">
        <v>37</v>
      </c>
    </row>
    <row r="59" spans="1:22" ht="14.45" customHeight="1" x14ac:dyDescent="0.25">
      <c r="A59" s="3" t="s">
        <v>900</v>
      </c>
      <c r="B59" s="4" t="s">
        <v>226</v>
      </c>
      <c r="C59" s="3" t="s">
        <v>227</v>
      </c>
      <c r="D59" s="5" t="s">
        <v>971</v>
      </c>
      <c r="E59" s="3" t="s">
        <v>987</v>
      </c>
      <c r="F59" s="3" t="s">
        <v>1112</v>
      </c>
      <c r="G59" s="3" t="s">
        <v>1113</v>
      </c>
      <c r="H59" s="3" t="s">
        <v>50</v>
      </c>
      <c r="I59" s="3" t="s">
        <v>1114</v>
      </c>
      <c r="J59" s="3" t="s">
        <v>1115</v>
      </c>
      <c r="K59" s="3" t="s">
        <v>32</v>
      </c>
      <c r="L59" s="3" t="s">
        <v>33</v>
      </c>
      <c r="M59" s="3" t="s">
        <v>69</v>
      </c>
      <c r="N59" s="3" t="s">
        <v>212</v>
      </c>
      <c r="O59" s="3" t="s">
        <v>113</v>
      </c>
      <c r="P59" s="3" t="s">
        <v>37</v>
      </c>
      <c r="Q59" s="3" t="s">
        <v>37</v>
      </c>
      <c r="R59" s="3" t="s">
        <v>39</v>
      </c>
      <c r="S59" s="3" t="s">
        <v>1116</v>
      </c>
      <c r="T59" s="3" t="s">
        <v>37</v>
      </c>
      <c r="U59" s="3" t="s">
        <v>37</v>
      </c>
      <c r="V59" s="3" t="s">
        <v>37</v>
      </c>
    </row>
    <row r="60" spans="1:22" ht="14.45" customHeight="1" x14ac:dyDescent="0.25">
      <c r="A60" s="3" t="s">
        <v>900</v>
      </c>
      <c r="B60" s="4" t="s">
        <v>226</v>
      </c>
      <c r="C60" s="3" t="s">
        <v>227</v>
      </c>
      <c r="D60" s="5" t="s">
        <v>972</v>
      </c>
      <c r="E60" s="3" t="s">
        <v>987</v>
      </c>
      <c r="F60" s="3" t="s">
        <v>1117</v>
      </c>
      <c r="G60" s="3" t="s">
        <v>1118</v>
      </c>
      <c r="H60" s="3" t="s">
        <v>50</v>
      </c>
      <c r="I60" s="3" t="s">
        <v>1119</v>
      </c>
      <c r="J60" s="3" t="s">
        <v>1120</v>
      </c>
      <c r="K60" s="3" t="s">
        <v>32</v>
      </c>
      <c r="L60" s="3" t="s">
        <v>33</v>
      </c>
      <c r="M60" s="3" t="s">
        <v>69</v>
      </c>
      <c r="N60" s="3" t="s">
        <v>212</v>
      </c>
      <c r="O60" s="3" t="s">
        <v>113</v>
      </c>
      <c r="P60" s="3" t="s">
        <v>37</v>
      </c>
      <c r="Q60" s="3" t="s">
        <v>37</v>
      </c>
      <c r="R60" s="3" t="s">
        <v>39</v>
      </c>
      <c r="S60" s="3" t="s">
        <v>1121</v>
      </c>
      <c r="T60" s="3" t="s">
        <v>37</v>
      </c>
      <c r="U60" s="3" t="s">
        <v>37</v>
      </c>
      <c r="V60" s="3" t="s">
        <v>37</v>
      </c>
    </row>
    <row r="61" spans="1:22" ht="14.45" customHeight="1" x14ac:dyDescent="0.25">
      <c r="A61" s="3" t="s">
        <v>900</v>
      </c>
      <c r="B61" s="4" t="s">
        <v>226</v>
      </c>
      <c r="C61" s="3" t="s">
        <v>227</v>
      </c>
      <c r="D61" s="5" t="s">
        <v>127</v>
      </c>
      <c r="E61" s="3" t="s">
        <v>1122</v>
      </c>
      <c r="F61" s="3" t="s">
        <v>1123</v>
      </c>
      <c r="G61" s="3" t="s">
        <v>1124</v>
      </c>
      <c r="H61" s="3" t="s">
        <v>180</v>
      </c>
      <c r="I61" s="3" t="s">
        <v>1125</v>
      </c>
      <c r="J61" s="3" t="s">
        <v>1126</v>
      </c>
      <c r="K61" s="3" t="s">
        <v>32</v>
      </c>
      <c r="L61" s="3" t="s">
        <v>33</v>
      </c>
      <c r="M61" s="3" t="s">
        <v>69</v>
      </c>
      <c r="N61" s="3" t="s">
        <v>62</v>
      </c>
      <c r="O61" s="3" t="s">
        <v>113</v>
      </c>
      <c r="P61" s="3" t="s">
        <v>37</v>
      </c>
      <c r="Q61" s="3" t="s">
        <v>37</v>
      </c>
      <c r="R61" s="3" t="s">
        <v>39</v>
      </c>
      <c r="S61" s="3" t="s">
        <v>1127</v>
      </c>
      <c r="T61" s="3" t="s">
        <v>37</v>
      </c>
      <c r="U61" s="3" t="s">
        <v>37</v>
      </c>
      <c r="V61" s="3" t="s">
        <v>37</v>
      </c>
    </row>
    <row r="62" spans="1:22" ht="14.45" customHeight="1" x14ac:dyDescent="0.25">
      <c r="A62" s="3" t="s">
        <v>900</v>
      </c>
      <c r="B62" s="4" t="s">
        <v>226</v>
      </c>
      <c r="C62" s="3" t="s">
        <v>227</v>
      </c>
      <c r="D62" s="5" t="s">
        <v>431</v>
      </c>
      <c r="E62" s="3" t="s">
        <v>1122</v>
      </c>
      <c r="F62" s="3" t="s">
        <v>1128</v>
      </c>
      <c r="G62" s="3" t="s">
        <v>1129</v>
      </c>
      <c r="H62" s="3" t="s">
        <v>180</v>
      </c>
      <c r="I62" s="3" t="s">
        <v>1130</v>
      </c>
      <c r="J62" s="3" t="s">
        <v>1131</v>
      </c>
      <c r="K62" s="3" t="s">
        <v>32</v>
      </c>
      <c r="L62" s="3" t="s">
        <v>33</v>
      </c>
      <c r="M62" s="3" t="s">
        <v>69</v>
      </c>
      <c r="N62" s="3" t="s">
        <v>62</v>
      </c>
      <c r="O62" s="3" t="s">
        <v>113</v>
      </c>
      <c r="P62" s="3" t="s">
        <v>37</v>
      </c>
      <c r="Q62" s="3" t="s">
        <v>37</v>
      </c>
      <c r="R62" s="3" t="s">
        <v>39</v>
      </c>
      <c r="S62" s="3" t="s">
        <v>1132</v>
      </c>
      <c r="T62" s="3" t="s">
        <v>37</v>
      </c>
      <c r="U62" s="3" t="s">
        <v>37</v>
      </c>
      <c r="V62" s="3" t="s">
        <v>37</v>
      </c>
    </row>
    <row r="63" spans="1:22" ht="14.45" customHeight="1" x14ac:dyDescent="0.25">
      <c r="A63" s="3" t="s">
        <v>900</v>
      </c>
      <c r="B63" s="4" t="s">
        <v>226</v>
      </c>
      <c r="C63" s="3" t="s">
        <v>227</v>
      </c>
      <c r="D63" s="5" t="s">
        <v>138</v>
      </c>
      <c r="E63" s="3" t="s">
        <v>1122</v>
      </c>
      <c r="F63" s="3" t="s">
        <v>1133</v>
      </c>
      <c r="G63" s="3" t="s">
        <v>1134</v>
      </c>
      <c r="H63" s="3" t="s">
        <v>180</v>
      </c>
      <c r="I63" s="3" t="s">
        <v>1135</v>
      </c>
      <c r="J63" s="3" t="s">
        <v>1136</v>
      </c>
      <c r="K63" s="3" t="s">
        <v>32</v>
      </c>
      <c r="L63" s="3" t="s">
        <v>33</v>
      </c>
      <c r="M63" s="3" t="s">
        <v>69</v>
      </c>
      <c r="N63" s="3" t="s">
        <v>62</v>
      </c>
      <c r="O63" s="3" t="s">
        <v>113</v>
      </c>
      <c r="P63" s="3" t="s">
        <v>37</v>
      </c>
      <c r="Q63" s="3" t="s">
        <v>37</v>
      </c>
      <c r="R63" s="3" t="s">
        <v>39</v>
      </c>
      <c r="S63" s="3" t="s">
        <v>1137</v>
      </c>
      <c r="T63" s="3" t="s">
        <v>37</v>
      </c>
      <c r="U63" s="3" t="s">
        <v>37</v>
      </c>
      <c r="V63" s="3" t="s">
        <v>37</v>
      </c>
    </row>
    <row r="64" spans="1:22" ht="14.45" customHeight="1" x14ac:dyDescent="0.25">
      <c r="A64" s="3" t="s">
        <v>900</v>
      </c>
      <c r="B64" s="4" t="s">
        <v>226</v>
      </c>
      <c r="C64" s="3" t="s">
        <v>227</v>
      </c>
      <c r="D64" s="5" t="s">
        <v>992</v>
      </c>
      <c r="E64" s="3" t="s">
        <v>1122</v>
      </c>
      <c r="F64" s="3" t="s">
        <v>1138</v>
      </c>
      <c r="G64" s="3" t="s">
        <v>1139</v>
      </c>
      <c r="H64" s="3" t="s">
        <v>180</v>
      </c>
      <c r="I64" s="3" t="s">
        <v>1130</v>
      </c>
      <c r="J64" s="3" t="s">
        <v>1140</v>
      </c>
      <c r="K64" s="3" t="s">
        <v>32</v>
      </c>
      <c r="L64" s="3" t="s">
        <v>33</v>
      </c>
      <c r="M64" s="3" t="s">
        <v>69</v>
      </c>
      <c r="N64" s="3" t="s">
        <v>62</v>
      </c>
      <c r="O64" s="3" t="s">
        <v>113</v>
      </c>
      <c r="P64" s="3" t="s">
        <v>37</v>
      </c>
      <c r="Q64" s="3" t="s">
        <v>37</v>
      </c>
      <c r="R64" s="3" t="s">
        <v>39</v>
      </c>
      <c r="S64" s="3" t="s">
        <v>1141</v>
      </c>
      <c r="T64" s="3" t="s">
        <v>37</v>
      </c>
      <c r="U64" s="3" t="s">
        <v>37</v>
      </c>
      <c r="V64" s="3" t="s">
        <v>37</v>
      </c>
    </row>
    <row r="65" spans="1:22" ht="14.45" customHeight="1" x14ac:dyDescent="0.25">
      <c r="A65" s="3" t="s">
        <v>900</v>
      </c>
      <c r="B65" s="4" t="s">
        <v>226</v>
      </c>
      <c r="C65" s="3" t="s">
        <v>227</v>
      </c>
      <c r="D65" s="5" t="s">
        <v>154</v>
      </c>
      <c r="E65" s="3" t="s">
        <v>978</v>
      </c>
      <c r="F65" s="3" t="s">
        <v>1142</v>
      </c>
      <c r="G65" s="3" t="s">
        <v>186</v>
      </c>
      <c r="H65" s="3" t="s">
        <v>60</v>
      </c>
      <c r="I65" s="3" t="s">
        <v>37</v>
      </c>
      <c r="J65" s="8" t="s">
        <v>1143</v>
      </c>
      <c r="K65" s="3" t="s">
        <v>32</v>
      </c>
      <c r="L65" s="3" t="s">
        <v>33</v>
      </c>
      <c r="M65" s="3" t="s">
        <v>69</v>
      </c>
      <c r="N65" s="3" t="s">
        <v>53</v>
      </c>
      <c r="O65" s="3" t="s">
        <v>113</v>
      </c>
      <c r="P65" s="3" t="s">
        <v>37</v>
      </c>
      <c r="Q65" s="3" t="s">
        <v>37</v>
      </c>
      <c r="R65" s="3" t="s">
        <v>39</v>
      </c>
      <c r="S65" s="3" t="s">
        <v>1144</v>
      </c>
      <c r="T65" s="3" t="s">
        <v>37</v>
      </c>
      <c r="U65" s="3" t="s">
        <v>37</v>
      </c>
      <c r="V65" s="3" t="s">
        <v>37</v>
      </c>
    </row>
    <row r="66" spans="1:22" ht="14.45" customHeight="1" x14ac:dyDescent="0.25">
      <c r="A66" s="3" t="s">
        <v>900</v>
      </c>
      <c r="B66" s="4" t="s">
        <v>226</v>
      </c>
      <c r="C66" s="3" t="s">
        <v>227</v>
      </c>
      <c r="D66" s="5" t="s">
        <v>161</v>
      </c>
      <c r="E66" s="3" t="s">
        <v>978</v>
      </c>
      <c r="F66" s="3" t="s">
        <v>1145</v>
      </c>
      <c r="G66" s="3" t="s">
        <v>433</v>
      </c>
      <c r="H66" s="3" t="s">
        <v>60</v>
      </c>
      <c r="I66" s="3" t="s">
        <v>37</v>
      </c>
      <c r="J66" s="3" t="s">
        <v>1146</v>
      </c>
      <c r="K66" s="3" t="s">
        <v>32</v>
      </c>
      <c r="L66" s="3" t="s">
        <v>33</v>
      </c>
      <c r="M66" s="3" t="s">
        <v>69</v>
      </c>
      <c r="N66" s="3" t="s">
        <v>53</v>
      </c>
      <c r="O66" s="3" t="s">
        <v>113</v>
      </c>
      <c r="P66" s="3" t="s">
        <v>37</v>
      </c>
      <c r="Q66" s="3" t="s">
        <v>37</v>
      </c>
      <c r="R66" s="3" t="s">
        <v>39</v>
      </c>
      <c r="S66" s="3" t="s">
        <v>1147</v>
      </c>
      <c r="T66" s="3" t="s">
        <v>37</v>
      </c>
      <c r="U66" s="3" t="s">
        <v>37</v>
      </c>
      <c r="V66" s="3" t="s">
        <v>37</v>
      </c>
    </row>
    <row r="67" spans="1:22" ht="14.45" customHeight="1" x14ac:dyDescent="0.25">
      <c r="A67" s="3" t="s">
        <v>900</v>
      </c>
      <c r="B67" s="4" t="s">
        <v>226</v>
      </c>
      <c r="C67" s="3" t="s">
        <v>227</v>
      </c>
      <c r="D67" s="5" t="s">
        <v>1009</v>
      </c>
      <c r="E67" s="3" t="s">
        <v>924</v>
      </c>
      <c r="F67" s="3" t="s">
        <v>1148</v>
      </c>
      <c r="G67" s="3" t="s">
        <v>180</v>
      </c>
      <c r="H67" s="3" t="s">
        <v>29</v>
      </c>
      <c r="I67" s="3" t="s">
        <v>926</v>
      </c>
      <c r="J67" s="3" t="s">
        <v>1149</v>
      </c>
      <c r="K67" s="3" t="s">
        <v>32</v>
      </c>
      <c r="L67" s="3" t="s">
        <v>33</v>
      </c>
      <c r="M67" s="3" t="s">
        <v>928</v>
      </c>
      <c r="N67" s="3" t="s">
        <v>159</v>
      </c>
      <c r="O67" s="3" t="s">
        <v>166</v>
      </c>
      <c r="P67" s="3" t="s">
        <v>37</v>
      </c>
      <c r="Q67" s="3" t="s">
        <v>37</v>
      </c>
      <c r="R67" s="3" t="s">
        <v>39</v>
      </c>
      <c r="S67" s="3" t="s">
        <v>1150</v>
      </c>
      <c r="T67" s="3" t="s">
        <v>37</v>
      </c>
      <c r="U67" s="3" t="s">
        <v>37</v>
      </c>
      <c r="V67" s="3" t="s">
        <v>37</v>
      </c>
    </row>
    <row r="68" spans="1:22" ht="14.45" customHeight="1" x14ac:dyDescent="0.25">
      <c r="A68" s="3" t="s">
        <v>900</v>
      </c>
      <c r="B68" s="4" t="s">
        <v>226</v>
      </c>
      <c r="C68" s="3" t="s">
        <v>227</v>
      </c>
      <c r="D68" s="5" t="s">
        <v>172</v>
      </c>
      <c r="E68" s="3" t="s">
        <v>924</v>
      </c>
      <c r="F68" s="3" t="s">
        <v>1151</v>
      </c>
      <c r="G68" s="3" t="s">
        <v>59</v>
      </c>
      <c r="H68" s="3" t="s">
        <v>29</v>
      </c>
      <c r="I68" s="3" t="s">
        <v>935</v>
      </c>
      <c r="J68" s="7" t="s">
        <v>927</v>
      </c>
      <c r="K68" s="3" t="s">
        <v>32</v>
      </c>
      <c r="L68" s="3" t="s">
        <v>33</v>
      </c>
      <c r="M68" s="3" t="s">
        <v>928</v>
      </c>
      <c r="N68" s="3" t="s">
        <v>159</v>
      </c>
      <c r="O68" s="3" t="s">
        <v>166</v>
      </c>
      <c r="P68" s="3" t="s">
        <v>37</v>
      </c>
      <c r="Q68" s="3" t="s">
        <v>37</v>
      </c>
      <c r="R68" s="3" t="s">
        <v>39</v>
      </c>
      <c r="S68" s="3" t="s">
        <v>1152</v>
      </c>
      <c r="T68" s="3" t="s">
        <v>37</v>
      </c>
      <c r="U68" s="3" t="s">
        <v>37</v>
      </c>
      <c r="V68" s="3" t="s">
        <v>37</v>
      </c>
    </row>
    <row r="69" spans="1:22" ht="14.45" customHeight="1" x14ac:dyDescent="0.25">
      <c r="A69" s="3" t="s">
        <v>900</v>
      </c>
      <c r="B69" s="4" t="s">
        <v>226</v>
      </c>
      <c r="C69" s="3" t="s">
        <v>227</v>
      </c>
      <c r="D69" s="5" t="s">
        <v>1014</v>
      </c>
      <c r="E69" s="3" t="s">
        <v>924</v>
      </c>
      <c r="F69" s="3" t="s">
        <v>1153</v>
      </c>
      <c r="G69" s="3" t="s">
        <v>50</v>
      </c>
      <c r="H69" s="3" t="s">
        <v>29</v>
      </c>
      <c r="I69" s="3" t="s">
        <v>935</v>
      </c>
      <c r="J69" s="3" t="s">
        <v>1154</v>
      </c>
      <c r="K69" s="3" t="s">
        <v>32</v>
      </c>
      <c r="L69" s="3" t="s">
        <v>33</v>
      </c>
      <c r="M69" s="3" t="s">
        <v>928</v>
      </c>
      <c r="N69" s="3" t="s">
        <v>159</v>
      </c>
      <c r="O69" s="3" t="s">
        <v>166</v>
      </c>
      <c r="P69" s="3" t="s">
        <v>37</v>
      </c>
      <c r="Q69" s="3" t="s">
        <v>37</v>
      </c>
      <c r="R69" s="3" t="s">
        <v>39</v>
      </c>
      <c r="S69" s="3" t="s">
        <v>1155</v>
      </c>
      <c r="T69" s="3" t="s">
        <v>37</v>
      </c>
      <c r="U69" s="3" t="s">
        <v>37</v>
      </c>
      <c r="V69" s="3" t="s">
        <v>37</v>
      </c>
    </row>
    <row r="70" spans="1:22" ht="14.45" customHeight="1" x14ac:dyDescent="0.25">
      <c r="A70" s="3" t="s">
        <v>900</v>
      </c>
      <c r="B70" s="4" t="s">
        <v>226</v>
      </c>
      <c r="C70" s="3" t="s">
        <v>227</v>
      </c>
      <c r="D70" s="5" t="s">
        <v>1018</v>
      </c>
      <c r="E70" s="3" t="s">
        <v>982</v>
      </c>
      <c r="F70" s="3" t="s">
        <v>1156</v>
      </c>
      <c r="G70" s="3" t="s">
        <v>253</v>
      </c>
      <c r="H70" s="3" t="s">
        <v>60</v>
      </c>
      <c r="I70" s="3" t="s">
        <v>1157</v>
      </c>
      <c r="J70" s="3" t="s">
        <v>1158</v>
      </c>
      <c r="K70" s="3" t="s">
        <v>32</v>
      </c>
      <c r="L70" s="3" t="s">
        <v>33</v>
      </c>
      <c r="M70" s="3" t="s">
        <v>69</v>
      </c>
      <c r="N70" s="3" t="s">
        <v>53</v>
      </c>
      <c r="O70" s="3" t="s">
        <v>113</v>
      </c>
      <c r="P70" s="3" t="s">
        <v>37</v>
      </c>
      <c r="Q70" s="3" t="s">
        <v>37</v>
      </c>
      <c r="R70" s="3" t="s">
        <v>39</v>
      </c>
      <c r="S70" s="3" t="s">
        <v>1159</v>
      </c>
      <c r="T70" s="3" t="s">
        <v>37</v>
      </c>
      <c r="U70" s="3" t="s">
        <v>37</v>
      </c>
      <c r="V70" s="3" t="s">
        <v>37</v>
      </c>
    </row>
    <row r="71" spans="1:22" ht="14.45" customHeight="1" x14ac:dyDescent="0.25">
      <c r="A71" s="3" t="s">
        <v>900</v>
      </c>
      <c r="B71" s="4" t="s">
        <v>226</v>
      </c>
      <c r="C71" s="3" t="s">
        <v>227</v>
      </c>
      <c r="D71" s="5" t="s">
        <v>1023</v>
      </c>
      <c r="E71" s="3" t="s">
        <v>1024</v>
      </c>
      <c r="F71" s="3" t="s">
        <v>1160</v>
      </c>
      <c r="G71" s="3" t="s">
        <v>281</v>
      </c>
      <c r="H71" s="3" t="s">
        <v>60</v>
      </c>
      <c r="I71" s="3" t="s">
        <v>1026</v>
      </c>
      <c r="J71" s="8" t="s">
        <v>1027</v>
      </c>
      <c r="K71" s="3" t="s">
        <v>32</v>
      </c>
      <c r="L71" s="3" t="s">
        <v>33</v>
      </c>
      <c r="M71" s="3" t="s">
        <v>69</v>
      </c>
      <c r="N71" s="3" t="s">
        <v>159</v>
      </c>
      <c r="O71" s="3" t="s">
        <v>37</v>
      </c>
      <c r="P71" s="3" t="s">
        <v>37</v>
      </c>
      <c r="Q71" s="3" t="s">
        <v>37</v>
      </c>
      <c r="R71" s="3" t="s">
        <v>39</v>
      </c>
      <c r="S71" s="3" t="s">
        <v>1161</v>
      </c>
      <c r="T71" s="3" t="s">
        <v>37</v>
      </c>
      <c r="U71" s="3" t="s">
        <v>37</v>
      </c>
      <c r="V71" s="3" t="s">
        <v>37</v>
      </c>
    </row>
    <row r="72" spans="1:22" ht="14.45" customHeight="1" x14ac:dyDescent="0.25">
      <c r="A72" s="3" t="s">
        <v>900</v>
      </c>
      <c r="B72" s="4" t="s">
        <v>226</v>
      </c>
      <c r="C72" s="3" t="s">
        <v>227</v>
      </c>
      <c r="D72" s="5" t="s">
        <v>1029</v>
      </c>
      <c r="E72" s="3" t="s">
        <v>1162</v>
      </c>
      <c r="F72" s="3" t="s">
        <v>37</v>
      </c>
      <c r="G72" s="3">
        <v>1</v>
      </c>
      <c r="H72" s="3">
        <v>0</v>
      </c>
      <c r="I72" s="3" t="s">
        <v>1163</v>
      </c>
      <c r="J72" s="3" t="s">
        <v>1164</v>
      </c>
      <c r="K72" s="3" t="s">
        <v>211</v>
      </c>
      <c r="L72" s="3" t="s">
        <v>33</v>
      </c>
      <c r="M72" s="3" t="s">
        <v>34</v>
      </c>
      <c r="N72" s="3" t="s">
        <v>53</v>
      </c>
      <c r="O72" s="3" t="s">
        <v>263</v>
      </c>
      <c r="P72" s="3" t="s">
        <v>37</v>
      </c>
      <c r="Q72" s="3" t="s">
        <v>37</v>
      </c>
      <c r="R72" s="3" t="s">
        <v>39</v>
      </c>
      <c r="S72" s="3" t="s">
        <v>1165</v>
      </c>
      <c r="T72" s="3" t="s">
        <v>37</v>
      </c>
      <c r="U72" s="3" t="s">
        <v>37</v>
      </c>
      <c r="V72" s="3" t="s">
        <v>37</v>
      </c>
    </row>
    <row r="73" spans="1:22" ht="14.45" customHeight="1" x14ac:dyDescent="0.25">
      <c r="A73" s="3" t="s">
        <v>900</v>
      </c>
      <c r="B73" s="4" t="s">
        <v>226</v>
      </c>
      <c r="C73" s="3" t="s">
        <v>227</v>
      </c>
      <c r="D73" s="5" t="s">
        <v>1030</v>
      </c>
      <c r="E73" s="3" t="s">
        <v>1004</v>
      </c>
      <c r="F73" s="3" t="s">
        <v>1166</v>
      </c>
      <c r="G73" s="3" t="s">
        <v>49</v>
      </c>
      <c r="H73" s="3" t="s">
        <v>60</v>
      </c>
      <c r="I73" s="3" t="s">
        <v>37</v>
      </c>
      <c r="J73" s="3" t="s">
        <v>1167</v>
      </c>
      <c r="K73" s="3" t="s">
        <v>32</v>
      </c>
      <c r="L73" s="3" t="s">
        <v>33</v>
      </c>
      <c r="M73" s="3" t="s">
        <v>69</v>
      </c>
      <c r="N73" s="3" t="s">
        <v>79</v>
      </c>
      <c r="O73" s="3" t="s">
        <v>36</v>
      </c>
      <c r="P73" s="3" t="s">
        <v>55</v>
      </c>
      <c r="Q73" s="3" t="s">
        <v>37</v>
      </c>
      <c r="R73" s="3" t="s">
        <v>39</v>
      </c>
      <c r="S73" s="3" t="s">
        <v>1168</v>
      </c>
      <c r="T73" s="3" t="s">
        <v>37</v>
      </c>
      <c r="U73" s="3" t="s">
        <v>37</v>
      </c>
      <c r="V73" s="3" t="s">
        <v>37</v>
      </c>
    </row>
    <row r="74" spans="1:22" ht="14.45" customHeight="1" x14ac:dyDescent="0.25">
      <c r="A74" s="3" t="s">
        <v>900</v>
      </c>
      <c r="B74" s="4" t="s">
        <v>226</v>
      </c>
      <c r="C74" s="3" t="s">
        <v>227</v>
      </c>
      <c r="D74" s="5" t="s">
        <v>333</v>
      </c>
      <c r="E74" s="3" t="s">
        <v>993</v>
      </c>
      <c r="F74" s="3" t="s">
        <v>1169</v>
      </c>
      <c r="G74" s="3" t="s">
        <v>325</v>
      </c>
      <c r="H74" s="3" t="s">
        <v>50</v>
      </c>
      <c r="I74" s="3" t="s">
        <v>1170</v>
      </c>
      <c r="J74" s="3" t="s">
        <v>1171</v>
      </c>
      <c r="K74" s="3" t="s">
        <v>32</v>
      </c>
      <c r="L74" s="3" t="s">
        <v>33</v>
      </c>
      <c r="M74" s="3" t="s">
        <v>69</v>
      </c>
      <c r="N74" s="3" t="s">
        <v>131</v>
      </c>
      <c r="O74" s="3" t="s">
        <v>36</v>
      </c>
      <c r="P74" s="3" t="s">
        <v>37</v>
      </c>
      <c r="Q74" s="3" t="s">
        <v>37</v>
      </c>
      <c r="R74" s="3" t="s">
        <v>39</v>
      </c>
      <c r="S74" s="3" t="s">
        <v>1172</v>
      </c>
      <c r="T74" s="3" t="s">
        <v>37</v>
      </c>
      <c r="U74" s="3" t="s">
        <v>37</v>
      </c>
      <c r="V74" s="3" t="s">
        <v>37</v>
      </c>
    </row>
    <row r="75" spans="1:22" ht="14.45" customHeight="1" x14ac:dyDescent="0.25">
      <c r="A75" s="3" t="s">
        <v>900</v>
      </c>
      <c r="B75" s="4" t="s">
        <v>226</v>
      </c>
      <c r="C75" s="3" t="s">
        <v>227</v>
      </c>
      <c r="D75" s="5" t="s">
        <v>193</v>
      </c>
      <c r="E75" s="3" t="s">
        <v>993</v>
      </c>
      <c r="F75" s="3" t="s">
        <v>1173</v>
      </c>
      <c r="G75" s="3" t="s">
        <v>1174</v>
      </c>
      <c r="H75" s="3" t="s">
        <v>60</v>
      </c>
      <c r="I75" s="3" t="s">
        <v>1175</v>
      </c>
      <c r="J75" s="3" t="s">
        <v>1176</v>
      </c>
      <c r="K75" s="3" t="s">
        <v>32</v>
      </c>
      <c r="L75" s="3" t="s">
        <v>37</v>
      </c>
      <c r="M75" s="3" t="s">
        <v>69</v>
      </c>
      <c r="N75" s="3" t="s">
        <v>35</v>
      </c>
      <c r="O75" s="3" t="s">
        <v>36</v>
      </c>
      <c r="P75" s="3" t="s">
        <v>37</v>
      </c>
      <c r="Q75" s="3" t="s">
        <v>37</v>
      </c>
      <c r="R75" s="3" t="s">
        <v>39</v>
      </c>
      <c r="S75" s="3" t="s">
        <v>1177</v>
      </c>
      <c r="T75" s="3" t="s">
        <v>37</v>
      </c>
      <c r="U75" s="3" t="s">
        <v>37</v>
      </c>
      <c r="V75" s="3" t="s">
        <v>37</v>
      </c>
    </row>
    <row r="76" spans="1:22" ht="14.45" customHeight="1" x14ac:dyDescent="0.25">
      <c r="A76" s="3" t="s">
        <v>900</v>
      </c>
      <c r="B76" s="4" t="s">
        <v>226</v>
      </c>
      <c r="C76" s="3" t="s">
        <v>227</v>
      </c>
      <c r="D76" s="5" t="s">
        <v>477</v>
      </c>
      <c r="E76" s="3" t="s">
        <v>478</v>
      </c>
      <c r="F76" s="3" t="s">
        <v>1178</v>
      </c>
      <c r="G76" s="3" t="s">
        <v>910</v>
      </c>
      <c r="H76" s="3" t="s">
        <v>180</v>
      </c>
      <c r="I76" s="3" t="s">
        <v>37</v>
      </c>
      <c r="J76" s="3" t="s">
        <v>1179</v>
      </c>
      <c r="K76" s="3" t="s">
        <v>32</v>
      </c>
      <c r="L76" s="3" t="s">
        <v>33</v>
      </c>
      <c r="M76" s="3" t="s">
        <v>34</v>
      </c>
      <c r="N76" s="3" t="s">
        <v>159</v>
      </c>
      <c r="O76" s="3" t="s">
        <v>37</v>
      </c>
      <c r="P76" s="3" t="s">
        <v>37</v>
      </c>
      <c r="Q76" s="3" t="s">
        <v>37</v>
      </c>
      <c r="R76" s="3" t="s">
        <v>39</v>
      </c>
      <c r="S76" s="3" t="s">
        <v>1180</v>
      </c>
      <c r="T76" s="3" t="s">
        <v>37</v>
      </c>
      <c r="U76" s="3" t="s">
        <v>37</v>
      </c>
      <c r="V76" s="3" t="s">
        <v>37</v>
      </c>
    </row>
    <row r="77" spans="1:22" ht="14.45" customHeight="1" x14ac:dyDescent="0.25">
      <c r="A77" s="3" t="s">
        <v>900</v>
      </c>
      <c r="B77" s="4" t="s">
        <v>226</v>
      </c>
      <c r="C77" s="3" t="s">
        <v>227</v>
      </c>
      <c r="D77" s="5" t="s">
        <v>1042</v>
      </c>
      <c r="E77" s="3" t="s">
        <v>478</v>
      </c>
      <c r="F77" s="3" t="s">
        <v>1181</v>
      </c>
      <c r="G77" s="3" t="s">
        <v>1076</v>
      </c>
      <c r="H77" s="3" t="s">
        <v>180</v>
      </c>
      <c r="I77" s="3" t="s">
        <v>37</v>
      </c>
      <c r="J77" s="3" t="s">
        <v>1182</v>
      </c>
      <c r="K77" s="3" t="s">
        <v>32</v>
      </c>
      <c r="L77" s="3" t="s">
        <v>33</v>
      </c>
      <c r="M77" s="3" t="s">
        <v>34</v>
      </c>
      <c r="N77" s="3" t="s">
        <v>159</v>
      </c>
      <c r="O77" s="3" t="s">
        <v>37</v>
      </c>
      <c r="P77" s="3" t="s">
        <v>37</v>
      </c>
      <c r="Q77" s="3" t="s">
        <v>37</v>
      </c>
      <c r="R77" s="3" t="s">
        <v>39</v>
      </c>
      <c r="S77" s="3" t="s">
        <v>1183</v>
      </c>
      <c r="T77" s="3" t="s">
        <v>37</v>
      </c>
      <c r="U77" s="3" t="s">
        <v>37</v>
      </c>
      <c r="V77" s="3" t="s">
        <v>37</v>
      </c>
    </row>
    <row r="78" spans="1:22" ht="14.45" customHeight="1" x14ac:dyDescent="0.25">
      <c r="A78" s="3" t="s">
        <v>900</v>
      </c>
      <c r="B78" s="4" t="s">
        <v>226</v>
      </c>
      <c r="C78" s="3" t="s">
        <v>227</v>
      </c>
      <c r="D78" s="5" t="s">
        <v>207</v>
      </c>
      <c r="E78" s="3" t="s">
        <v>478</v>
      </c>
      <c r="F78" s="3" t="s">
        <v>1184</v>
      </c>
      <c r="G78" s="3" t="s">
        <v>1081</v>
      </c>
      <c r="H78" s="3" t="s">
        <v>180</v>
      </c>
      <c r="I78" s="3" t="s">
        <v>37</v>
      </c>
      <c r="J78" s="3" t="s">
        <v>1185</v>
      </c>
      <c r="K78" s="3" t="s">
        <v>32</v>
      </c>
      <c r="L78" s="3" t="s">
        <v>33</v>
      </c>
      <c r="M78" s="3" t="s">
        <v>34</v>
      </c>
      <c r="N78" s="3" t="s">
        <v>159</v>
      </c>
      <c r="O78" s="3" t="s">
        <v>37</v>
      </c>
      <c r="P78" s="3" t="s">
        <v>37</v>
      </c>
      <c r="Q78" s="3" t="s">
        <v>37</v>
      </c>
      <c r="R78" s="3" t="s">
        <v>39</v>
      </c>
      <c r="S78" s="3" t="s">
        <v>1186</v>
      </c>
      <c r="T78" s="3"/>
      <c r="U78" s="3" t="s">
        <v>37</v>
      </c>
      <c r="V78" s="3" t="s">
        <v>37</v>
      </c>
    </row>
    <row r="79" spans="1:22" ht="14.45" customHeight="1" x14ac:dyDescent="0.25">
      <c r="A79" s="3" t="s">
        <v>900</v>
      </c>
      <c r="B79" s="4" t="s">
        <v>226</v>
      </c>
      <c r="C79" s="3" t="s">
        <v>227</v>
      </c>
      <c r="D79" s="5" t="s">
        <v>353</v>
      </c>
      <c r="E79" s="3" t="s">
        <v>913</v>
      </c>
      <c r="F79" s="3" t="s">
        <v>1187</v>
      </c>
      <c r="G79" s="3" t="s">
        <v>28</v>
      </c>
      <c r="H79" s="3" t="s">
        <v>29</v>
      </c>
      <c r="I79" s="3" t="s">
        <v>915</v>
      </c>
      <c r="J79" s="3" t="s">
        <v>1188</v>
      </c>
      <c r="K79" s="3" t="s">
        <v>32</v>
      </c>
      <c r="L79" s="3" t="s">
        <v>33</v>
      </c>
      <c r="M79" s="3" t="s">
        <v>34</v>
      </c>
      <c r="N79" s="3" t="s">
        <v>53</v>
      </c>
      <c r="O79" s="3" t="s">
        <v>54</v>
      </c>
      <c r="P79" s="3" t="s">
        <v>37</v>
      </c>
      <c r="Q79" s="3" t="s">
        <v>37</v>
      </c>
      <c r="R79" s="3" t="s">
        <v>39</v>
      </c>
      <c r="S79" s="3" t="s">
        <v>1189</v>
      </c>
      <c r="T79" s="3" t="s">
        <v>37</v>
      </c>
      <c r="U79" s="3" t="s">
        <v>37</v>
      </c>
      <c r="V79" s="3" t="s">
        <v>37</v>
      </c>
    </row>
    <row r="80" spans="1:22" ht="14.45" customHeight="1" x14ac:dyDescent="0.25">
      <c r="A80" s="3" t="s">
        <v>900</v>
      </c>
      <c r="B80" s="4" t="s">
        <v>226</v>
      </c>
      <c r="C80" s="3" t="s">
        <v>227</v>
      </c>
      <c r="D80" s="5" t="s">
        <v>215</v>
      </c>
      <c r="E80" s="3" t="s">
        <v>913</v>
      </c>
      <c r="F80" s="3" t="s">
        <v>1190</v>
      </c>
      <c r="G80" s="3" t="s">
        <v>43</v>
      </c>
      <c r="H80" s="3" t="s">
        <v>29</v>
      </c>
      <c r="I80" s="3" t="s">
        <v>915</v>
      </c>
      <c r="J80" s="3" t="s">
        <v>1191</v>
      </c>
      <c r="K80" s="3" t="s">
        <v>32</v>
      </c>
      <c r="L80" s="3" t="s">
        <v>33</v>
      </c>
      <c r="M80" s="3" t="s">
        <v>34</v>
      </c>
      <c r="N80" s="3" t="s">
        <v>53</v>
      </c>
      <c r="O80" s="3" t="s">
        <v>54</v>
      </c>
      <c r="P80" s="3" t="s">
        <v>37</v>
      </c>
      <c r="Q80" s="3" t="s">
        <v>37</v>
      </c>
      <c r="R80" s="3" t="s">
        <v>39</v>
      </c>
      <c r="S80" s="3" t="s">
        <v>1192</v>
      </c>
      <c r="T80" s="3" t="s">
        <v>37</v>
      </c>
      <c r="U80" s="3" t="s">
        <v>37</v>
      </c>
      <c r="V80" s="3" t="s">
        <v>37</v>
      </c>
    </row>
    <row r="81" spans="1:22" ht="14.45" customHeight="1" x14ac:dyDescent="0.25">
      <c r="A81" s="3" t="s">
        <v>900</v>
      </c>
      <c r="B81" s="4" t="s">
        <v>226</v>
      </c>
      <c r="C81" s="3" t="s">
        <v>227</v>
      </c>
      <c r="D81" s="5" t="s">
        <v>1056</v>
      </c>
      <c r="E81" s="3" t="s">
        <v>913</v>
      </c>
      <c r="F81" s="3" t="s">
        <v>1193</v>
      </c>
      <c r="G81" s="3" t="s">
        <v>369</v>
      </c>
      <c r="H81" s="3" t="s">
        <v>29</v>
      </c>
      <c r="I81" s="3" t="s">
        <v>915</v>
      </c>
      <c r="J81" s="3" t="s">
        <v>1194</v>
      </c>
      <c r="K81" s="3" t="s">
        <v>32</v>
      </c>
      <c r="L81" s="3" t="s">
        <v>33</v>
      </c>
      <c r="M81" s="3" t="s">
        <v>34</v>
      </c>
      <c r="N81" s="3" t="s">
        <v>53</v>
      </c>
      <c r="O81" s="3" t="s">
        <v>54</v>
      </c>
      <c r="P81" s="3" t="s">
        <v>37</v>
      </c>
      <c r="Q81" s="3" t="s">
        <v>37</v>
      </c>
      <c r="R81" s="3" t="s">
        <v>39</v>
      </c>
      <c r="S81" s="3" t="s">
        <v>1195</v>
      </c>
      <c r="T81" s="3" t="s">
        <v>37</v>
      </c>
      <c r="U81" s="3" t="s">
        <v>37</v>
      </c>
      <c r="V81" s="3" t="s">
        <v>37</v>
      </c>
    </row>
    <row r="82" spans="1:22" ht="14.45" customHeight="1" x14ac:dyDescent="0.25">
      <c r="A82" s="3" t="s">
        <v>900</v>
      </c>
      <c r="B82" s="4" t="s">
        <v>226</v>
      </c>
      <c r="C82" s="3" t="s">
        <v>227</v>
      </c>
      <c r="D82" s="5" t="s">
        <v>217</v>
      </c>
      <c r="E82" s="3" t="s">
        <v>913</v>
      </c>
      <c r="F82" s="3" t="s">
        <v>914</v>
      </c>
      <c r="G82" s="3" t="s">
        <v>554</v>
      </c>
      <c r="H82" s="3" t="s">
        <v>29</v>
      </c>
      <c r="I82" s="3" t="s">
        <v>915</v>
      </c>
      <c r="J82" s="3" t="s">
        <v>916</v>
      </c>
      <c r="K82" s="3" t="s">
        <v>32</v>
      </c>
      <c r="L82" s="3" t="s">
        <v>33</v>
      </c>
      <c r="M82" s="3" t="s">
        <v>34</v>
      </c>
      <c r="N82" s="3" t="s">
        <v>53</v>
      </c>
      <c r="O82" s="3" t="s">
        <v>54</v>
      </c>
      <c r="P82" s="3" t="s">
        <v>37</v>
      </c>
      <c r="Q82" s="3" t="s">
        <v>37</v>
      </c>
      <c r="R82" s="3" t="s">
        <v>39</v>
      </c>
      <c r="S82" s="3" t="s">
        <v>917</v>
      </c>
      <c r="T82" s="3" t="s">
        <v>37</v>
      </c>
      <c r="U82" s="3" t="s">
        <v>37</v>
      </c>
      <c r="V82" s="3" t="s">
        <v>37</v>
      </c>
    </row>
    <row r="83" spans="1:22" ht="14.45" customHeight="1" x14ac:dyDescent="0.25">
      <c r="A83" s="3" t="s">
        <v>900</v>
      </c>
      <c r="B83" s="4" t="s">
        <v>226</v>
      </c>
      <c r="C83" s="3" t="s">
        <v>227</v>
      </c>
      <c r="D83" s="5" t="s">
        <v>1063</v>
      </c>
      <c r="E83" s="3" t="s">
        <v>478</v>
      </c>
      <c r="F83" s="3" t="s">
        <v>1196</v>
      </c>
      <c r="G83" s="3" t="s">
        <v>186</v>
      </c>
      <c r="H83" s="3" t="s">
        <v>60</v>
      </c>
      <c r="I83" s="3" t="s">
        <v>481</v>
      </c>
      <c r="J83" s="3" t="s">
        <v>1197</v>
      </c>
      <c r="K83" s="3" t="s">
        <v>32</v>
      </c>
      <c r="L83" s="3" t="s">
        <v>37</v>
      </c>
      <c r="M83" s="3" t="s">
        <v>34</v>
      </c>
      <c r="N83" s="3" t="s">
        <v>79</v>
      </c>
      <c r="O83" s="3" t="s">
        <v>113</v>
      </c>
      <c r="P83" s="3" t="s">
        <v>37</v>
      </c>
      <c r="Q83" s="3" t="s">
        <v>37</v>
      </c>
      <c r="R83" s="3" t="s">
        <v>39</v>
      </c>
      <c r="S83" s="3" t="s">
        <v>1198</v>
      </c>
      <c r="T83" s="3" t="s">
        <v>37</v>
      </c>
      <c r="U83" s="3" t="s">
        <v>37</v>
      </c>
      <c r="V83" s="3" t="s">
        <v>37</v>
      </c>
    </row>
    <row r="84" spans="1:22" ht="14.45" customHeight="1" x14ac:dyDescent="0.25">
      <c r="A84" s="3"/>
      <c r="B84" s="4"/>
      <c r="C84" s="3"/>
      <c r="D84" s="5"/>
      <c r="E84" s="6" t="s">
        <v>1067</v>
      </c>
      <c r="F84" s="3"/>
      <c r="G84" s="3"/>
      <c r="H84" s="3"/>
      <c r="I84" s="3"/>
      <c r="J84" s="3"/>
      <c r="K84" s="3"/>
      <c r="L84" s="3"/>
      <c r="M84" s="3"/>
      <c r="N84" s="3"/>
      <c r="O84" s="3"/>
      <c r="P84" s="3"/>
      <c r="Q84" s="3"/>
      <c r="R84" s="3"/>
      <c r="S84" s="3"/>
      <c r="T84" s="3"/>
      <c r="U84" s="3"/>
      <c r="V84" s="3"/>
    </row>
    <row r="85" spans="1:22" ht="14.45" customHeight="1" x14ac:dyDescent="0.25">
      <c r="A85" s="3"/>
      <c r="B85" s="4"/>
      <c r="C85" s="3"/>
      <c r="D85" s="5"/>
      <c r="E85" s="3"/>
      <c r="F85" s="3"/>
      <c r="G85" s="3"/>
      <c r="H85" s="3"/>
      <c r="I85" s="3"/>
      <c r="J85" s="3"/>
      <c r="K85" s="3"/>
      <c r="L85" s="3"/>
      <c r="M85" s="3"/>
      <c r="N85" s="3"/>
      <c r="O85" s="3"/>
      <c r="P85" s="3"/>
      <c r="Q85" s="3"/>
      <c r="R85" s="3"/>
      <c r="S85" s="3"/>
      <c r="T85" s="3"/>
      <c r="U85" s="3"/>
      <c r="V85" s="3"/>
    </row>
    <row r="86" spans="1:22" ht="14.45" customHeight="1" x14ac:dyDescent="0.25">
      <c r="A86" s="3" t="s">
        <v>900</v>
      </c>
      <c r="B86" s="4" t="s">
        <v>372</v>
      </c>
      <c r="C86" s="3" t="s">
        <v>373</v>
      </c>
      <c r="D86" s="5" t="s">
        <v>25</v>
      </c>
      <c r="E86" s="3" t="s">
        <v>901</v>
      </c>
      <c r="F86" s="3" t="s">
        <v>1199</v>
      </c>
      <c r="G86" s="3" t="s">
        <v>1200</v>
      </c>
      <c r="H86" s="3" t="s">
        <v>50</v>
      </c>
      <c r="I86" s="3" t="s">
        <v>1077</v>
      </c>
      <c r="J86" s="3" t="s">
        <v>1201</v>
      </c>
      <c r="K86" s="3" t="s">
        <v>32</v>
      </c>
      <c r="L86" s="3" t="s">
        <v>33</v>
      </c>
      <c r="M86" s="3" t="s">
        <v>69</v>
      </c>
      <c r="N86" s="3" t="s">
        <v>906</v>
      </c>
      <c r="O86" s="3" t="s">
        <v>113</v>
      </c>
      <c r="P86" s="3" t="s">
        <v>37</v>
      </c>
      <c r="Q86" s="3" t="s">
        <v>37</v>
      </c>
      <c r="R86" s="3" t="s">
        <v>39</v>
      </c>
      <c r="S86" s="3" t="s">
        <v>1202</v>
      </c>
      <c r="T86" s="3" t="s">
        <v>37</v>
      </c>
      <c r="U86" s="3" t="s">
        <v>37</v>
      </c>
      <c r="V86" s="3" t="s">
        <v>37</v>
      </c>
    </row>
    <row r="87" spans="1:22" ht="14.45" customHeight="1" x14ac:dyDescent="0.25">
      <c r="A87" s="3" t="s">
        <v>900</v>
      </c>
      <c r="B87" s="4" t="s">
        <v>372</v>
      </c>
      <c r="C87" s="3" t="s">
        <v>373</v>
      </c>
      <c r="D87" s="5" t="s">
        <v>908</v>
      </c>
      <c r="E87" s="3" t="s">
        <v>901</v>
      </c>
      <c r="F87" s="3" t="s">
        <v>1203</v>
      </c>
      <c r="G87" s="3" t="s">
        <v>1204</v>
      </c>
      <c r="H87" s="3" t="s">
        <v>50</v>
      </c>
      <c r="I87" s="3" t="s">
        <v>904</v>
      </c>
      <c r="J87" s="3" t="s">
        <v>1205</v>
      </c>
      <c r="K87" s="3" t="s">
        <v>32</v>
      </c>
      <c r="L87" s="3" t="s">
        <v>33</v>
      </c>
      <c r="M87" s="3" t="s">
        <v>69</v>
      </c>
      <c r="N87" s="3" t="s">
        <v>906</v>
      </c>
      <c r="O87" s="3" t="s">
        <v>113</v>
      </c>
      <c r="P87" s="3" t="s">
        <v>37</v>
      </c>
      <c r="Q87" s="3" t="s">
        <v>37</v>
      </c>
      <c r="R87" s="3" t="s">
        <v>39</v>
      </c>
      <c r="S87" s="3" t="s">
        <v>1206</v>
      </c>
      <c r="T87" s="3" t="s">
        <v>37</v>
      </c>
      <c r="U87" s="3" t="s">
        <v>37</v>
      </c>
      <c r="V87" s="3" t="s">
        <v>37</v>
      </c>
    </row>
    <row r="88" spans="1:22" ht="14.45" customHeight="1" x14ac:dyDescent="0.25">
      <c r="A88" s="3" t="s">
        <v>900</v>
      </c>
      <c r="B88" s="4" t="s">
        <v>372</v>
      </c>
      <c r="C88" s="3" t="s">
        <v>373</v>
      </c>
      <c r="D88" s="5" t="s">
        <v>46</v>
      </c>
      <c r="E88" s="3" t="s">
        <v>924</v>
      </c>
      <c r="F88" s="3" t="s">
        <v>943</v>
      </c>
      <c r="G88" s="3" t="s">
        <v>29</v>
      </c>
      <c r="H88" s="3" t="s">
        <v>29</v>
      </c>
      <c r="I88" s="3" t="s">
        <v>926</v>
      </c>
      <c r="J88" s="3" t="s">
        <v>944</v>
      </c>
      <c r="K88" s="3" t="s">
        <v>32</v>
      </c>
      <c r="L88" s="3" t="s">
        <v>33</v>
      </c>
      <c r="M88" s="3" t="s">
        <v>928</v>
      </c>
      <c r="N88" s="3" t="s">
        <v>159</v>
      </c>
      <c r="O88" s="3" t="s">
        <v>166</v>
      </c>
      <c r="P88" s="3" t="s">
        <v>37</v>
      </c>
      <c r="Q88" s="3" t="s">
        <v>37</v>
      </c>
      <c r="R88" s="3" t="s">
        <v>39</v>
      </c>
      <c r="S88" s="3" t="s">
        <v>945</v>
      </c>
      <c r="T88" s="3" t="s">
        <v>37</v>
      </c>
      <c r="U88" s="3" t="s">
        <v>37</v>
      </c>
      <c r="V88" s="3" t="s">
        <v>37</v>
      </c>
    </row>
    <row r="89" spans="1:22" ht="14.45" customHeight="1" x14ac:dyDescent="0.25">
      <c r="A89" s="3" t="s">
        <v>900</v>
      </c>
      <c r="B89" s="4" t="s">
        <v>372</v>
      </c>
      <c r="C89" s="3" t="s">
        <v>373</v>
      </c>
      <c r="D89" s="5" t="s">
        <v>1207</v>
      </c>
      <c r="E89" s="3" t="s">
        <v>924</v>
      </c>
      <c r="F89" s="3" t="s">
        <v>1208</v>
      </c>
      <c r="G89" s="3" t="s">
        <v>60</v>
      </c>
      <c r="H89" s="3" t="s">
        <v>29</v>
      </c>
      <c r="I89" s="3" t="s">
        <v>926</v>
      </c>
      <c r="J89" s="3" t="s">
        <v>1209</v>
      </c>
      <c r="K89" s="3" t="s">
        <v>32</v>
      </c>
      <c r="L89" s="3" t="s">
        <v>33</v>
      </c>
      <c r="M89" s="3" t="s">
        <v>928</v>
      </c>
      <c r="N89" s="3" t="s">
        <v>159</v>
      </c>
      <c r="O89" s="3" t="s">
        <v>166</v>
      </c>
      <c r="P89" s="3" t="s">
        <v>37</v>
      </c>
      <c r="Q89" s="3" t="s">
        <v>37</v>
      </c>
      <c r="R89" s="3" t="s">
        <v>39</v>
      </c>
      <c r="S89" s="3" t="s">
        <v>1210</v>
      </c>
      <c r="T89" s="3" t="s">
        <v>37</v>
      </c>
      <c r="U89" s="3" t="s">
        <v>37</v>
      </c>
      <c r="V89" s="3" t="s">
        <v>37</v>
      </c>
    </row>
    <row r="90" spans="1:22" ht="14.45" customHeight="1" x14ac:dyDescent="0.25">
      <c r="A90" s="3" t="s">
        <v>900</v>
      </c>
      <c r="B90" s="4" t="s">
        <v>372</v>
      </c>
      <c r="C90" s="3" t="s">
        <v>373</v>
      </c>
      <c r="D90" s="5" t="s">
        <v>1211</v>
      </c>
      <c r="E90" s="3" t="s">
        <v>924</v>
      </c>
      <c r="F90" s="3" t="s">
        <v>1153</v>
      </c>
      <c r="G90" s="3" t="s">
        <v>50</v>
      </c>
      <c r="H90" s="3" t="s">
        <v>29</v>
      </c>
      <c r="I90" s="3" t="s">
        <v>935</v>
      </c>
      <c r="J90" s="3" t="s">
        <v>1154</v>
      </c>
      <c r="K90" s="3" t="s">
        <v>32</v>
      </c>
      <c r="L90" s="3" t="s">
        <v>33</v>
      </c>
      <c r="M90" s="3" t="s">
        <v>928</v>
      </c>
      <c r="N90" s="3" t="s">
        <v>159</v>
      </c>
      <c r="O90" s="3" t="s">
        <v>166</v>
      </c>
      <c r="P90" s="3" t="s">
        <v>37</v>
      </c>
      <c r="Q90" s="3" t="s">
        <v>37</v>
      </c>
      <c r="R90" s="3" t="s">
        <v>39</v>
      </c>
      <c r="S90" s="3" t="s">
        <v>1155</v>
      </c>
      <c r="T90" s="3" t="s">
        <v>37</v>
      </c>
      <c r="U90" s="3" t="s">
        <v>37</v>
      </c>
      <c r="V90" s="3" t="s">
        <v>37</v>
      </c>
    </row>
    <row r="91" spans="1:22" ht="14.45" customHeight="1" x14ac:dyDescent="0.25">
      <c r="A91" s="3" t="s">
        <v>900</v>
      </c>
      <c r="B91" s="4" t="s">
        <v>372</v>
      </c>
      <c r="C91" s="3" t="s">
        <v>373</v>
      </c>
      <c r="D91" s="5" t="s">
        <v>918</v>
      </c>
      <c r="E91" s="3" t="s">
        <v>924</v>
      </c>
      <c r="F91" s="3" t="s">
        <v>1071</v>
      </c>
      <c r="G91" s="3" t="s">
        <v>379</v>
      </c>
      <c r="H91" s="3" t="s">
        <v>29</v>
      </c>
      <c r="I91" s="3" t="s">
        <v>935</v>
      </c>
      <c r="J91" s="7" t="s">
        <v>927</v>
      </c>
      <c r="K91" s="3" t="s">
        <v>32</v>
      </c>
      <c r="L91" s="3" t="s">
        <v>33</v>
      </c>
      <c r="M91" s="3" t="s">
        <v>928</v>
      </c>
      <c r="N91" s="3" t="s">
        <v>159</v>
      </c>
      <c r="O91" s="3" t="s">
        <v>166</v>
      </c>
      <c r="P91" s="3" t="s">
        <v>37</v>
      </c>
      <c r="Q91" s="3" t="s">
        <v>37</v>
      </c>
      <c r="R91" s="3" t="s">
        <v>39</v>
      </c>
      <c r="S91" s="3" t="s">
        <v>1212</v>
      </c>
      <c r="T91" s="3" t="s">
        <v>37</v>
      </c>
      <c r="U91" s="3" t="s">
        <v>37</v>
      </c>
      <c r="V91" s="3" t="s">
        <v>37</v>
      </c>
    </row>
    <row r="92" spans="1:22" ht="14.45" customHeight="1" x14ac:dyDescent="0.25">
      <c r="A92" s="3" t="s">
        <v>900</v>
      </c>
      <c r="B92" s="4" t="s">
        <v>372</v>
      </c>
      <c r="C92" s="3" t="s">
        <v>373</v>
      </c>
      <c r="D92" s="5" t="s">
        <v>1213</v>
      </c>
      <c r="E92" s="3" t="s">
        <v>924</v>
      </c>
      <c r="F92" s="3" t="s">
        <v>1214</v>
      </c>
      <c r="G92" s="3" t="s">
        <v>157</v>
      </c>
      <c r="H92" s="3" t="s">
        <v>29</v>
      </c>
      <c r="I92" s="3" t="s">
        <v>926</v>
      </c>
      <c r="J92" s="7" t="s">
        <v>927</v>
      </c>
      <c r="K92" s="3" t="s">
        <v>32</v>
      </c>
      <c r="L92" s="3" t="s">
        <v>33</v>
      </c>
      <c r="M92" s="3" t="s">
        <v>928</v>
      </c>
      <c r="N92" s="3" t="s">
        <v>159</v>
      </c>
      <c r="O92" s="3" t="s">
        <v>166</v>
      </c>
      <c r="P92" s="3" t="s">
        <v>37</v>
      </c>
      <c r="Q92" s="3" t="s">
        <v>37</v>
      </c>
      <c r="R92" s="3" t="s">
        <v>39</v>
      </c>
      <c r="S92" s="3" t="s">
        <v>1215</v>
      </c>
      <c r="T92" s="3" t="s">
        <v>37</v>
      </c>
      <c r="U92" s="3" t="s">
        <v>37</v>
      </c>
      <c r="V92" s="3" t="s">
        <v>37</v>
      </c>
    </row>
    <row r="93" spans="1:22" ht="14.45" customHeight="1" x14ac:dyDescent="0.25">
      <c r="A93" s="3" t="s">
        <v>900</v>
      </c>
      <c r="B93" s="4" t="s">
        <v>372</v>
      </c>
      <c r="C93" s="3" t="s">
        <v>373</v>
      </c>
      <c r="D93" s="5" t="s">
        <v>641</v>
      </c>
      <c r="E93" s="3" t="s">
        <v>924</v>
      </c>
      <c r="F93" s="3" t="s">
        <v>1216</v>
      </c>
      <c r="G93" s="3" t="s">
        <v>98</v>
      </c>
      <c r="H93" s="3" t="s">
        <v>29</v>
      </c>
      <c r="I93" s="3" t="s">
        <v>926</v>
      </c>
      <c r="J93" s="7" t="s">
        <v>927</v>
      </c>
      <c r="K93" s="3" t="s">
        <v>32</v>
      </c>
      <c r="L93" s="3" t="s">
        <v>33</v>
      </c>
      <c r="M93" s="3" t="s">
        <v>928</v>
      </c>
      <c r="N93" s="3" t="s">
        <v>159</v>
      </c>
      <c r="O93" s="3" t="s">
        <v>166</v>
      </c>
      <c r="P93" s="3" t="s">
        <v>37</v>
      </c>
      <c r="Q93" s="3" t="s">
        <v>37</v>
      </c>
      <c r="R93" s="3" t="s">
        <v>39</v>
      </c>
      <c r="S93" s="3" t="s">
        <v>1217</v>
      </c>
      <c r="T93" s="3" t="s">
        <v>37</v>
      </c>
      <c r="U93" s="3" t="s">
        <v>37</v>
      </c>
      <c r="V93" s="3" t="s">
        <v>37</v>
      </c>
    </row>
    <row r="94" spans="1:22" ht="14.45" customHeight="1" x14ac:dyDescent="0.25">
      <c r="A94" s="3" t="s">
        <v>900</v>
      </c>
      <c r="B94" s="4" t="s">
        <v>372</v>
      </c>
      <c r="C94" s="3" t="s">
        <v>373</v>
      </c>
      <c r="D94" s="5" t="s">
        <v>923</v>
      </c>
      <c r="E94" s="3" t="s">
        <v>478</v>
      </c>
      <c r="F94" s="3" t="s">
        <v>1218</v>
      </c>
      <c r="G94" s="3" t="s">
        <v>29</v>
      </c>
      <c r="H94" s="3" t="s">
        <v>29</v>
      </c>
      <c r="I94" s="3" t="s">
        <v>1219</v>
      </c>
      <c r="J94" s="3" t="s">
        <v>1220</v>
      </c>
      <c r="K94" s="3" t="s">
        <v>32</v>
      </c>
      <c r="L94" s="3" t="s">
        <v>1221</v>
      </c>
      <c r="M94" s="3" t="s">
        <v>34</v>
      </c>
      <c r="N94" s="3" t="s">
        <v>131</v>
      </c>
      <c r="O94" s="3" t="s">
        <v>113</v>
      </c>
      <c r="P94" s="3" t="s">
        <v>37</v>
      </c>
      <c r="Q94" s="3" t="s">
        <v>37</v>
      </c>
      <c r="R94" s="3" t="s">
        <v>39</v>
      </c>
      <c r="S94" s="3" t="s">
        <v>1222</v>
      </c>
      <c r="T94" s="3" t="s">
        <v>37</v>
      </c>
      <c r="U94" s="3" t="s">
        <v>37</v>
      </c>
      <c r="V94" s="3" t="s">
        <v>37</v>
      </c>
    </row>
    <row r="95" spans="1:22" ht="14.45" customHeight="1" x14ac:dyDescent="0.25">
      <c r="A95" s="3" t="s">
        <v>900</v>
      </c>
      <c r="B95" s="4" t="s">
        <v>372</v>
      </c>
      <c r="C95" s="3" t="s">
        <v>373</v>
      </c>
      <c r="D95" s="5" t="s">
        <v>938</v>
      </c>
      <c r="E95" s="3" t="s">
        <v>478</v>
      </c>
      <c r="F95" s="3" t="s">
        <v>1223</v>
      </c>
      <c r="G95" s="3" t="s">
        <v>582</v>
      </c>
      <c r="H95" s="3" t="s">
        <v>60</v>
      </c>
      <c r="I95" s="3" t="s">
        <v>481</v>
      </c>
      <c r="J95" s="3" t="s">
        <v>1224</v>
      </c>
      <c r="K95" s="3" t="s">
        <v>32</v>
      </c>
      <c r="L95" s="3" t="s">
        <v>37</v>
      </c>
      <c r="M95" s="3" t="s">
        <v>34</v>
      </c>
      <c r="N95" s="3" t="s">
        <v>79</v>
      </c>
      <c r="O95" s="3" t="s">
        <v>113</v>
      </c>
      <c r="P95" s="3" t="s">
        <v>37</v>
      </c>
      <c r="Q95" s="3" t="s">
        <v>37</v>
      </c>
      <c r="R95" s="3" t="s">
        <v>39</v>
      </c>
      <c r="S95" s="3" t="s">
        <v>1225</v>
      </c>
      <c r="T95" s="3" t="s">
        <v>37</v>
      </c>
      <c r="U95" s="3" t="s">
        <v>37</v>
      </c>
      <c r="V95" s="3" t="s">
        <v>37</v>
      </c>
    </row>
    <row r="96" spans="1:22" ht="14.45" customHeight="1" x14ac:dyDescent="0.25">
      <c r="A96" s="3" t="s">
        <v>900</v>
      </c>
      <c r="B96" s="4" t="s">
        <v>372</v>
      </c>
      <c r="C96" s="3" t="s">
        <v>373</v>
      </c>
      <c r="D96" s="5" t="s">
        <v>948</v>
      </c>
      <c r="E96" s="3" t="s">
        <v>919</v>
      </c>
      <c r="F96" s="3" t="s">
        <v>1226</v>
      </c>
      <c r="G96" s="3" t="s">
        <v>118</v>
      </c>
      <c r="H96" s="3" t="s">
        <v>29</v>
      </c>
      <c r="I96" s="3" t="s">
        <v>37</v>
      </c>
      <c r="J96" s="8" t="s">
        <v>1227</v>
      </c>
      <c r="K96" s="3" t="s">
        <v>32</v>
      </c>
      <c r="L96" s="3" t="s">
        <v>33</v>
      </c>
      <c r="M96" s="3" t="s">
        <v>69</v>
      </c>
      <c r="N96" s="3" t="s">
        <v>53</v>
      </c>
      <c r="O96" s="3" t="s">
        <v>54</v>
      </c>
      <c r="P96" s="3" t="s">
        <v>37</v>
      </c>
      <c r="Q96" s="3" t="s">
        <v>37</v>
      </c>
      <c r="R96" s="3" t="s">
        <v>39</v>
      </c>
      <c r="S96" s="3" t="s">
        <v>1228</v>
      </c>
      <c r="T96" s="3" t="s">
        <v>37</v>
      </c>
      <c r="U96" s="3" t="s">
        <v>37</v>
      </c>
      <c r="V96" s="3" t="s">
        <v>37</v>
      </c>
    </row>
    <row r="97" spans="1:22" ht="14.45" customHeight="1" x14ac:dyDescent="0.25">
      <c r="A97" s="3" t="s">
        <v>900</v>
      </c>
      <c r="B97" s="4" t="s">
        <v>372</v>
      </c>
      <c r="C97" s="3" t="s">
        <v>373</v>
      </c>
      <c r="D97" s="5" t="s">
        <v>953</v>
      </c>
      <c r="E97" s="3" t="s">
        <v>919</v>
      </c>
      <c r="F97" s="3" t="s">
        <v>1229</v>
      </c>
      <c r="G97" s="3" t="s">
        <v>135</v>
      </c>
      <c r="H97" s="3" t="s">
        <v>29</v>
      </c>
      <c r="I97" s="3" t="s">
        <v>37</v>
      </c>
      <c r="J97" s="8" t="s">
        <v>1227</v>
      </c>
      <c r="K97" s="3" t="s">
        <v>32</v>
      </c>
      <c r="L97" s="3" t="s">
        <v>33</v>
      </c>
      <c r="M97" s="3" t="s">
        <v>69</v>
      </c>
      <c r="N97" s="3" t="s">
        <v>53</v>
      </c>
      <c r="O97" s="3" t="s">
        <v>54</v>
      </c>
      <c r="P97" s="3" t="s">
        <v>37</v>
      </c>
      <c r="Q97" s="3" t="s">
        <v>37</v>
      </c>
      <c r="R97" s="3" t="s">
        <v>39</v>
      </c>
      <c r="S97" s="3" t="s">
        <v>1230</v>
      </c>
      <c r="T97" s="3" t="s">
        <v>37</v>
      </c>
      <c r="U97" s="3" t="s">
        <v>37</v>
      </c>
      <c r="V97" s="3" t="s">
        <v>37</v>
      </c>
    </row>
    <row r="98" spans="1:22" ht="14.45" customHeight="1" x14ac:dyDescent="0.25">
      <c r="A98" s="3" t="s">
        <v>900</v>
      </c>
      <c r="B98" s="4" t="s">
        <v>372</v>
      </c>
      <c r="C98" s="3" t="s">
        <v>373</v>
      </c>
      <c r="D98" s="5" t="s">
        <v>957</v>
      </c>
      <c r="E98" s="3" t="s">
        <v>982</v>
      </c>
      <c r="F98" s="3" t="s">
        <v>1231</v>
      </c>
      <c r="G98" s="3" t="s">
        <v>43</v>
      </c>
      <c r="H98" s="3" t="s">
        <v>29</v>
      </c>
      <c r="I98" s="3" t="s">
        <v>984</v>
      </c>
      <c r="J98" s="3" t="s">
        <v>1232</v>
      </c>
      <c r="K98" s="3" t="s">
        <v>32</v>
      </c>
      <c r="L98" s="3" t="s">
        <v>33</v>
      </c>
      <c r="M98" s="3" t="s">
        <v>69</v>
      </c>
      <c r="N98" s="3" t="s">
        <v>79</v>
      </c>
      <c r="O98" s="3" t="s">
        <v>113</v>
      </c>
      <c r="P98" s="3" t="s">
        <v>37</v>
      </c>
      <c r="Q98" s="3" t="s">
        <v>37</v>
      </c>
      <c r="R98" s="3" t="s">
        <v>39</v>
      </c>
      <c r="S98" s="3" t="s">
        <v>1233</v>
      </c>
      <c r="T98" s="3" t="s">
        <v>37</v>
      </c>
      <c r="U98" s="3" t="s">
        <v>37</v>
      </c>
      <c r="V98" s="3" t="s">
        <v>37</v>
      </c>
    </row>
    <row r="99" spans="1:22" ht="14.45" customHeight="1" x14ac:dyDescent="0.25">
      <c r="A99" s="3" t="s">
        <v>900</v>
      </c>
      <c r="B99" s="4" t="s">
        <v>372</v>
      </c>
      <c r="C99" s="3" t="s">
        <v>373</v>
      </c>
      <c r="D99" s="5" t="s">
        <v>962</v>
      </c>
      <c r="E99" s="3" t="s">
        <v>982</v>
      </c>
      <c r="F99" s="3" t="s">
        <v>1234</v>
      </c>
      <c r="G99" s="3" t="s">
        <v>554</v>
      </c>
      <c r="H99" s="3" t="s">
        <v>29</v>
      </c>
      <c r="I99" s="3" t="s">
        <v>984</v>
      </c>
      <c r="J99" s="3" t="s">
        <v>1235</v>
      </c>
      <c r="K99" s="3" t="s">
        <v>32</v>
      </c>
      <c r="L99" s="3" t="s">
        <v>33</v>
      </c>
      <c r="M99" s="3" t="s">
        <v>69</v>
      </c>
      <c r="N99" s="3" t="s">
        <v>79</v>
      </c>
      <c r="O99" s="3" t="s">
        <v>36</v>
      </c>
      <c r="P99" s="3" t="s">
        <v>37</v>
      </c>
      <c r="Q99" s="3" t="s">
        <v>37</v>
      </c>
      <c r="R99" s="3" t="s">
        <v>39</v>
      </c>
      <c r="S99" s="3" t="s">
        <v>1236</v>
      </c>
      <c r="T99" s="3" t="s">
        <v>37</v>
      </c>
      <c r="U99" s="3" t="s">
        <v>37</v>
      </c>
      <c r="V99" s="3" t="s">
        <v>37</v>
      </c>
    </row>
    <row r="100" spans="1:22" ht="14.45" customHeight="1" x14ac:dyDescent="0.25">
      <c r="A100" s="3" t="s">
        <v>900</v>
      </c>
      <c r="B100" s="4" t="s">
        <v>372</v>
      </c>
      <c r="C100" s="3" t="s">
        <v>373</v>
      </c>
      <c r="D100" s="5" t="s">
        <v>966</v>
      </c>
      <c r="E100" s="3" t="s">
        <v>982</v>
      </c>
      <c r="F100" s="3" t="s">
        <v>1237</v>
      </c>
      <c r="G100" s="3" t="s">
        <v>281</v>
      </c>
      <c r="H100" s="3" t="s">
        <v>60</v>
      </c>
      <c r="I100" s="3" t="s">
        <v>1238</v>
      </c>
      <c r="J100" s="3" t="s">
        <v>1239</v>
      </c>
      <c r="K100" s="3" t="s">
        <v>32</v>
      </c>
      <c r="L100" s="3" t="s">
        <v>33</v>
      </c>
      <c r="M100" s="3" t="s">
        <v>69</v>
      </c>
      <c r="N100" s="3" t="s">
        <v>53</v>
      </c>
      <c r="O100" s="3" t="s">
        <v>113</v>
      </c>
      <c r="P100" s="3" t="s">
        <v>37</v>
      </c>
      <c r="Q100" s="3" t="s">
        <v>37</v>
      </c>
      <c r="R100" s="3" t="s">
        <v>39</v>
      </c>
      <c r="S100" s="3" t="s">
        <v>1240</v>
      </c>
      <c r="T100" s="3" t="s">
        <v>37</v>
      </c>
      <c r="U100" s="3" t="s">
        <v>37</v>
      </c>
      <c r="V100" s="3" t="s">
        <v>37</v>
      </c>
    </row>
    <row r="101" spans="1:22" ht="14.45" customHeight="1" x14ac:dyDescent="0.25">
      <c r="A101" s="3" t="s">
        <v>900</v>
      </c>
      <c r="B101" s="4" t="s">
        <v>372</v>
      </c>
      <c r="C101" s="3" t="s">
        <v>373</v>
      </c>
      <c r="D101" s="5" t="s">
        <v>1241</v>
      </c>
      <c r="E101" s="3" t="s">
        <v>478</v>
      </c>
      <c r="F101" s="3" t="s">
        <v>1242</v>
      </c>
      <c r="G101" s="3" t="s">
        <v>60</v>
      </c>
      <c r="H101" s="3" t="s">
        <v>29</v>
      </c>
      <c r="I101" s="3" t="s">
        <v>1243</v>
      </c>
      <c r="J101" s="3" t="s">
        <v>1244</v>
      </c>
      <c r="K101" s="3" t="s">
        <v>32</v>
      </c>
      <c r="L101" s="3" t="s">
        <v>1221</v>
      </c>
      <c r="M101" s="3" t="s">
        <v>34</v>
      </c>
      <c r="N101" s="3" t="s">
        <v>131</v>
      </c>
      <c r="O101" s="3" t="s">
        <v>113</v>
      </c>
      <c r="P101" s="3" t="s">
        <v>37</v>
      </c>
      <c r="Q101" s="3" t="s">
        <v>37</v>
      </c>
      <c r="R101" s="3" t="s">
        <v>39</v>
      </c>
      <c r="S101" s="3" t="s">
        <v>1245</v>
      </c>
      <c r="T101" s="3" t="s">
        <v>37</v>
      </c>
      <c r="U101" s="3" t="s">
        <v>37</v>
      </c>
      <c r="V101" s="3" t="s">
        <v>37</v>
      </c>
    </row>
    <row r="102" spans="1:22" ht="14.45" customHeight="1" x14ac:dyDescent="0.25">
      <c r="A102" s="3" t="s">
        <v>900</v>
      </c>
      <c r="B102" s="4" t="s">
        <v>372</v>
      </c>
      <c r="C102" s="3" t="s">
        <v>373</v>
      </c>
      <c r="D102" s="5" t="s">
        <v>971</v>
      </c>
      <c r="E102" s="3" t="s">
        <v>478</v>
      </c>
      <c r="F102" s="3" t="s">
        <v>1246</v>
      </c>
      <c r="G102" s="3" t="s">
        <v>50</v>
      </c>
      <c r="H102" s="3" t="s">
        <v>29</v>
      </c>
      <c r="I102" s="3" t="s">
        <v>1243</v>
      </c>
      <c r="J102" s="3" t="s">
        <v>1247</v>
      </c>
      <c r="K102" s="3" t="s">
        <v>32</v>
      </c>
      <c r="L102" s="3" t="s">
        <v>1221</v>
      </c>
      <c r="M102" s="3" t="s">
        <v>34</v>
      </c>
      <c r="N102" s="3" t="s">
        <v>131</v>
      </c>
      <c r="O102" s="3" t="s">
        <v>113</v>
      </c>
      <c r="P102" s="3" t="s">
        <v>37</v>
      </c>
      <c r="Q102" s="3" t="s">
        <v>37</v>
      </c>
      <c r="R102" s="3" t="s">
        <v>39</v>
      </c>
      <c r="S102" s="3" t="s">
        <v>1248</v>
      </c>
      <c r="T102" s="3" t="s">
        <v>37</v>
      </c>
      <c r="U102" s="3" t="s">
        <v>37</v>
      </c>
      <c r="V102" s="3" t="s">
        <v>37</v>
      </c>
    </row>
    <row r="103" spans="1:22" ht="14.45" customHeight="1" x14ac:dyDescent="0.25">
      <c r="A103" s="3" t="s">
        <v>900</v>
      </c>
      <c r="B103" s="4" t="s">
        <v>372</v>
      </c>
      <c r="C103" s="3" t="s">
        <v>373</v>
      </c>
      <c r="D103" s="5" t="s">
        <v>972</v>
      </c>
      <c r="E103" s="3" t="s">
        <v>478</v>
      </c>
      <c r="F103" s="3" t="s">
        <v>1249</v>
      </c>
      <c r="G103" s="3" t="s">
        <v>180</v>
      </c>
      <c r="H103" s="3" t="s">
        <v>29</v>
      </c>
      <c r="I103" s="3" t="s">
        <v>1243</v>
      </c>
      <c r="J103" s="3" t="s">
        <v>1250</v>
      </c>
      <c r="K103" s="3" t="s">
        <v>32</v>
      </c>
      <c r="L103" s="3" t="s">
        <v>1221</v>
      </c>
      <c r="M103" s="3" t="s">
        <v>34</v>
      </c>
      <c r="N103" s="3" t="s">
        <v>131</v>
      </c>
      <c r="O103" s="3" t="s">
        <v>113</v>
      </c>
      <c r="P103" s="3" t="s">
        <v>37</v>
      </c>
      <c r="Q103" s="3" t="s">
        <v>37</v>
      </c>
      <c r="R103" s="3" t="s">
        <v>39</v>
      </c>
      <c r="S103" s="3" t="s">
        <v>1251</v>
      </c>
      <c r="T103" s="3" t="s">
        <v>37</v>
      </c>
      <c r="U103" s="3" t="s">
        <v>37</v>
      </c>
      <c r="V103" s="3" t="s">
        <v>37</v>
      </c>
    </row>
    <row r="104" spans="1:22" ht="14.45" customHeight="1" x14ac:dyDescent="0.25">
      <c r="A104" s="3" t="s">
        <v>900</v>
      </c>
      <c r="B104" s="4" t="s">
        <v>372</v>
      </c>
      <c r="C104" s="3" t="s">
        <v>373</v>
      </c>
      <c r="D104" s="5" t="s">
        <v>127</v>
      </c>
      <c r="E104" s="3" t="s">
        <v>1024</v>
      </c>
      <c r="F104" s="3" t="s">
        <v>1252</v>
      </c>
      <c r="G104" s="3" t="s">
        <v>29</v>
      </c>
      <c r="H104" s="3" t="s">
        <v>29</v>
      </c>
      <c r="I104" s="3" t="s">
        <v>1253</v>
      </c>
      <c r="J104" s="3" t="s">
        <v>1254</v>
      </c>
      <c r="K104" s="3" t="s">
        <v>32</v>
      </c>
      <c r="L104" s="3" t="s">
        <v>33</v>
      </c>
      <c r="M104" s="3" t="s">
        <v>69</v>
      </c>
      <c r="N104" s="3" t="s">
        <v>53</v>
      </c>
      <c r="O104" s="3" t="s">
        <v>36</v>
      </c>
      <c r="P104" s="3" t="s">
        <v>37</v>
      </c>
      <c r="Q104" s="3" t="s">
        <v>37</v>
      </c>
      <c r="R104" s="3" t="s">
        <v>39</v>
      </c>
      <c r="S104" s="3" t="s">
        <v>1255</v>
      </c>
      <c r="T104" s="3" t="s">
        <v>37</v>
      </c>
      <c r="U104" s="3" t="s">
        <v>37</v>
      </c>
      <c r="V104" s="3" t="s">
        <v>37</v>
      </c>
    </row>
    <row r="105" spans="1:22" ht="14.45" customHeight="1" x14ac:dyDescent="0.25">
      <c r="A105" s="3" t="s">
        <v>900</v>
      </c>
      <c r="B105" s="4" t="s">
        <v>372</v>
      </c>
      <c r="C105" s="3" t="s">
        <v>373</v>
      </c>
      <c r="D105" s="5" t="s">
        <v>431</v>
      </c>
      <c r="E105" s="3" t="s">
        <v>1024</v>
      </c>
      <c r="F105" s="3" t="s">
        <v>1256</v>
      </c>
      <c r="G105" s="3" t="s">
        <v>60</v>
      </c>
      <c r="H105" s="3" t="s">
        <v>29</v>
      </c>
      <c r="I105" s="3" t="s">
        <v>1253</v>
      </c>
      <c r="J105" s="3" t="s">
        <v>1257</v>
      </c>
      <c r="K105" s="3" t="s">
        <v>32</v>
      </c>
      <c r="L105" s="3" t="s">
        <v>33</v>
      </c>
      <c r="M105" s="3" t="s">
        <v>69</v>
      </c>
      <c r="N105" s="3" t="s">
        <v>53</v>
      </c>
      <c r="O105" s="3" t="s">
        <v>36</v>
      </c>
      <c r="P105" s="3" t="s">
        <v>37</v>
      </c>
      <c r="Q105" s="3" t="s">
        <v>37</v>
      </c>
      <c r="R105" s="3" t="s">
        <v>39</v>
      </c>
      <c r="S105" s="3" t="s">
        <v>1258</v>
      </c>
      <c r="T105" s="3" t="s">
        <v>37</v>
      </c>
      <c r="U105" s="3" t="s">
        <v>37</v>
      </c>
      <c r="V105" s="3" t="s">
        <v>37</v>
      </c>
    </row>
    <row r="106" spans="1:22" ht="14.45" customHeight="1" x14ac:dyDescent="0.25">
      <c r="A106" s="3" t="s">
        <v>900</v>
      </c>
      <c r="B106" s="4" t="s">
        <v>372</v>
      </c>
      <c r="C106" s="3" t="s">
        <v>373</v>
      </c>
      <c r="D106" s="5" t="s">
        <v>138</v>
      </c>
      <c r="E106" s="3" t="s">
        <v>924</v>
      </c>
      <c r="F106" s="3" t="s">
        <v>1259</v>
      </c>
      <c r="G106" s="3" t="s">
        <v>295</v>
      </c>
      <c r="H106" s="3" t="s">
        <v>29</v>
      </c>
      <c r="I106" s="3" t="s">
        <v>935</v>
      </c>
      <c r="J106" s="7" t="s">
        <v>927</v>
      </c>
      <c r="K106" s="3" t="s">
        <v>32</v>
      </c>
      <c r="L106" s="3" t="s">
        <v>33</v>
      </c>
      <c r="M106" s="3" t="s">
        <v>928</v>
      </c>
      <c r="N106" s="3" t="s">
        <v>159</v>
      </c>
      <c r="O106" s="3" t="s">
        <v>166</v>
      </c>
      <c r="P106" s="3" t="s">
        <v>37</v>
      </c>
      <c r="Q106" s="3" t="s">
        <v>37</v>
      </c>
      <c r="R106" s="3" t="s">
        <v>39</v>
      </c>
      <c r="S106" s="3" t="s">
        <v>1260</v>
      </c>
      <c r="T106" s="3" t="s">
        <v>37</v>
      </c>
      <c r="U106" s="3" t="s">
        <v>37</v>
      </c>
      <c r="V106" s="3" t="s">
        <v>37</v>
      </c>
    </row>
    <row r="107" spans="1:22" ht="14.45" customHeight="1" x14ac:dyDescent="0.25">
      <c r="A107" s="3" t="s">
        <v>900</v>
      </c>
      <c r="B107" s="4" t="s">
        <v>372</v>
      </c>
      <c r="C107" s="3" t="s">
        <v>373</v>
      </c>
      <c r="D107" s="5" t="s">
        <v>684</v>
      </c>
      <c r="E107" s="3" t="s">
        <v>924</v>
      </c>
      <c r="F107" s="3" t="s">
        <v>925</v>
      </c>
      <c r="G107" s="3" t="s">
        <v>163</v>
      </c>
      <c r="H107" s="3" t="s">
        <v>29</v>
      </c>
      <c r="I107" s="3" t="s">
        <v>926</v>
      </c>
      <c r="J107" s="7" t="s">
        <v>927</v>
      </c>
      <c r="K107" s="3" t="s">
        <v>32</v>
      </c>
      <c r="L107" s="3" t="s">
        <v>33</v>
      </c>
      <c r="M107" s="3" t="s">
        <v>928</v>
      </c>
      <c r="N107" s="3" t="s">
        <v>159</v>
      </c>
      <c r="O107" s="3" t="s">
        <v>166</v>
      </c>
      <c r="P107" s="3" t="s">
        <v>37</v>
      </c>
      <c r="Q107" s="3" t="s">
        <v>37</v>
      </c>
      <c r="R107" s="3" t="s">
        <v>39</v>
      </c>
      <c r="S107" s="3" t="s">
        <v>929</v>
      </c>
      <c r="T107" s="3" t="s">
        <v>37</v>
      </c>
      <c r="U107" s="3" t="s">
        <v>37</v>
      </c>
      <c r="V107" s="3" t="s">
        <v>37</v>
      </c>
    </row>
    <row r="108" spans="1:22" ht="14.45" customHeight="1" x14ac:dyDescent="0.25">
      <c r="A108" s="3" t="s">
        <v>900</v>
      </c>
      <c r="B108" s="4" t="s">
        <v>372</v>
      </c>
      <c r="C108" s="3" t="s">
        <v>373</v>
      </c>
      <c r="D108" s="5" t="s">
        <v>1261</v>
      </c>
      <c r="E108" s="3" t="s">
        <v>924</v>
      </c>
      <c r="F108" s="3" t="s">
        <v>946</v>
      </c>
      <c r="G108" s="3" t="s">
        <v>195</v>
      </c>
      <c r="H108" s="3" t="s">
        <v>29</v>
      </c>
      <c r="I108" s="3" t="s">
        <v>935</v>
      </c>
      <c r="J108" s="7" t="s">
        <v>927</v>
      </c>
      <c r="K108" s="3" t="s">
        <v>32</v>
      </c>
      <c r="L108" s="3" t="s">
        <v>33</v>
      </c>
      <c r="M108" s="3" t="s">
        <v>928</v>
      </c>
      <c r="N108" s="3" t="s">
        <v>159</v>
      </c>
      <c r="O108" s="3" t="s">
        <v>166</v>
      </c>
      <c r="P108" s="3" t="s">
        <v>37</v>
      </c>
      <c r="Q108" s="3" t="s">
        <v>37</v>
      </c>
      <c r="R108" s="3" t="s">
        <v>39</v>
      </c>
      <c r="S108" s="3" t="s">
        <v>947</v>
      </c>
      <c r="T108" s="3" t="s">
        <v>37</v>
      </c>
      <c r="U108" s="3" t="s">
        <v>37</v>
      </c>
      <c r="V108" s="3" t="s">
        <v>37</v>
      </c>
    </row>
    <row r="109" spans="1:22" ht="14.45" customHeight="1" x14ac:dyDescent="0.25">
      <c r="A109" s="3" t="s">
        <v>900</v>
      </c>
      <c r="B109" s="4" t="s">
        <v>372</v>
      </c>
      <c r="C109" s="3" t="s">
        <v>373</v>
      </c>
      <c r="D109" s="5" t="s">
        <v>992</v>
      </c>
      <c r="E109" s="3" t="s">
        <v>924</v>
      </c>
      <c r="F109" s="3" t="s">
        <v>1069</v>
      </c>
      <c r="G109" s="3" t="s">
        <v>242</v>
      </c>
      <c r="H109" s="3" t="s">
        <v>29</v>
      </c>
      <c r="I109" s="3" t="s">
        <v>935</v>
      </c>
      <c r="J109" s="7" t="s">
        <v>927</v>
      </c>
      <c r="K109" s="3" t="s">
        <v>32</v>
      </c>
      <c r="L109" s="3" t="s">
        <v>33</v>
      </c>
      <c r="M109" s="3" t="s">
        <v>928</v>
      </c>
      <c r="N109" s="3" t="s">
        <v>159</v>
      </c>
      <c r="O109" s="3" t="s">
        <v>166</v>
      </c>
      <c r="P109" s="3" t="s">
        <v>37</v>
      </c>
      <c r="Q109" s="3" t="s">
        <v>37</v>
      </c>
      <c r="R109" s="3" t="s">
        <v>39</v>
      </c>
      <c r="S109" s="3" t="s">
        <v>1262</v>
      </c>
      <c r="T109" s="3" t="s">
        <v>37</v>
      </c>
      <c r="U109" s="3" t="s">
        <v>37</v>
      </c>
      <c r="V109" s="3" t="s">
        <v>37</v>
      </c>
    </row>
    <row r="110" spans="1:22" ht="14.45" customHeight="1" x14ac:dyDescent="0.25">
      <c r="A110" s="3" t="s">
        <v>900</v>
      </c>
      <c r="B110" s="4" t="s">
        <v>372</v>
      </c>
      <c r="C110" s="3" t="s">
        <v>373</v>
      </c>
      <c r="D110" s="5" t="s">
        <v>1263</v>
      </c>
      <c r="E110" s="3" t="s">
        <v>924</v>
      </c>
      <c r="F110" s="3" t="s">
        <v>1264</v>
      </c>
      <c r="G110" s="3" t="s">
        <v>582</v>
      </c>
      <c r="H110" s="3" t="s">
        <v>29</v>
      </c>
      <c r="I110" s="3" t="s">
        <v>935</v>
      </c>
      <c r="J110" s="7" t="s">
        <v>927</v>
      </c>
      <c r="K110" s="3" t="s">
        <v>32</v>
      </c>
      <c r="L110" s="3" t="s">
        <v>33</v>
      </c>
      <c r="M110" s="3" t="s">
        <v>928</v>
      </c>
      <c r="N110" s="3" t="s">
        <v>159</v>
      </c>
      <c r="O110" s="3" t="s">
        <v>166</v>
      </c>
      <c r="P110" s="3" t="s">
        <v>37</v>
      </c>
      <c r="Q110" s="3" t="s">
        <v>37</v>
      </c>
      <c r="R110" s="3" t="s">
        <v>39</v>
      </c>
      <c r="S110" s="3" t="s">
        <v>1265</v>
      </c>
      <c r="T110" s="3" t="s">
        <v>37</v>
      </c>
      <c r="U110" s="3" t="s">
        <v>37</v>
      </c>
      <c r="V110" s="3" t="s">
        <v>37</v>
      </c>
    </row>
    <row r="111" spans="1:22" ht="14.45" customHeight="1" x14ac:dyDescent="0.25">
      <c r="A111" s="3" t="s">
        <v>900</v>
      </c>
      <c r="B111" s="4" t="s">
        <v>372</v>
      </c>
      <c r="C111" s="3" t="s">
        <v>373</v>
      </c>
      <c r="D111" s="5" t="s">
        <v>152</v>
      </c>
      <c r="E111" s="3" t="s">
        <v>924</v>
      </c>
      <c r="F111" s="3" t="s">
        <v>1266</v>
      </c>
      <c r="G111" s="3" t="s">
        <v>253</v>
      </c>
      <c r="H111" s="3" t="s">
        <v>29</v>
      </c>
      <c r="I111" s="3" t="s">
        <v>926</v>
      </c>
      <c r="J111" s="7" t="s">
        <v>927</v>
      </c>
      <c r="K111" s="3" t="s">
        <v>32</v>
      </c>
      <c r="L111" s="3" t="s">
        <v>33</v>
      </c>
      <c r="M111" s="3" t="s">
        <v>928</v>
      </c>
      <c r="N111" s="3" t="s">
        <v>159</v>
      </c>
      <c r="O111" s="3" t="s">
        <v>166</v>
      </c>
      <c r="P111" s="3" t="s">
        <v>37</v>
      </c>
      <c r="Q111" s="3" t="s">
        <v>37</v>
      </c>
      <c r="R111" s="3" t="s">
        <v>39</v>
      </c>
      <c r="S111" s="3" t="s">
        <v>1267</v>
      </c>
      <c r="T111" s="3" t="s">
        <v>37</v>
      </c>
      <c r="U111" s="3" t="s">
        <v>37</v>
      </c>
      <c r="V111" s="3" t="s">
        <v>37</v>
      </c>
    </row>
    <row r="112" spans="1:22" ht="14.45" customHeight="1" x14ac:dyDescent="0.25">
      <c r="A112" s="3" t="s">
        <v>900</v>
      </c>
      <c r="B112" s="4" t="s">
        <v>372</v>
      </c>
      <c r="C112" s="3" t="s">
        <v>373</v>
      </c>
      <c r="D112" s="5" t="s">
        <v>154</v>
      </c>
      <c r="E112" s="3" t="s">
        <v>919</v>
      </c>
      <c r="F112" s="3" t="s">
        <v>1268</v>
      </c>
      <c r="G112" s="3" t="s">
        <v>29</v>
      </c>
      <c r="H112" s="3" t="s">
        <v>29</v>
      </c>
      <c r="I112" s="3" t="s">
        <v>37</v>
      </c>
      <c r="J112" s="3" t="s">
        <v>1269</v>
      </c>
      <c r="K112" s="3" t="s">
        <v>32</v>
      </c>
      <c r="L112" s="3" t="s">
        <v>33</v>
      </c>
      <c r="M112" s="3" t="s">
        <v>69</v>
      </c>
      <c r="N112" s="3" t="s">
        <v>53</v>
      </c>
      <c r="O112" s="3" t="s">
        <v>54</v>
      </c>
      <c r="P112" s="3" t="s">
        <v>37</v>
      </c>
      <c r="Q112" s="3" t="s">
        <v>37</v>
      </c>
      <c r="R112" s="3" t="s">
        <v>39</v>
      </c>
      <c r="S112" s="3" t="s">
        <v>1270</v>
      </c>
      <c r="T112" s="3" t="s">
        <v>37</v>
      </c>
      <c r="U112" s="3" t="s">
        <v>37</v>
      </c>
      <c r="V112" s="3" t="s">
        <v>37</v>
      </c>
    </row>
    <row r="113" spans="1:22" ht="14.45" customHeight="1" x14ac:dyDescent="0.25">
      <c r="A113" s="3" t="s">
        <v>900</v>
      </c>
      <c r="B113" s="4" t="s">
        <v>372</v>
      </c>
      <c r="C113" s="3" t="s">
        <v>373</v>
      </c>
      <c r="D113" s="5" t="s">
        <v>161</v>
      </c>
      <c r="E113" s="3" t="s">
        <v>478</v>
      </c>
      <c r="F113" s="3" t="s">
        <v>1043</v>
      </c>
      <c r="G113" s="3" t="s">
        <v>1044</v>
      </c>
      <c r="H113" s="3" t="s">
        <v>180</v>
      </c>
      <c r="I113" s="3" t="s">
        <v>37</v>
      </c>
      <c r="J113" s="3" t="s">
        <v>1045</v>
      </c>
      <c r="K113" s="3" t="s">
        <v>32</v>
      </c>
      <c r="L113" s="3" t="s">
        <v>33</v>
      </c>
      <c r="M113" s="3" t="s">
        <v>34</v>
      </c>
      <c r="N113" s="3" t="s">
        <v>159</v>
      </c>
      <c r="O113" s="3" t="s">
        <v>113</v>
      </c>
      <c r="P113" s="3" t="s">
        <v>55</v>
      </c>
      <c r="Q113" s="3" t="s">
        <v>37</v>
      </c>
      <c r="R113" s="3" t="s">
        <v>39</v>
      </c>
      <c r="S113" s="3" t="s">
        <v>1046</v>
      </c>
      <c r="T113" s="3" t="s">
        <v>37</v>
      </c>
      <c r="U113" s="3" t="s">
        <v>37</v>
      </c>
      <c r="V113" s="3" t="s">
        <v>37</v>
      </c>
    </row>
    <row r="114" spans="1:22" ht="14.45" customHeight="1" x14ac:dyDescent="0.25">
      <c r="A114" s="3" t="s">
        <v>900</v>
      </c>
      <c r="B114" s="4" t="s">
        <v>372</v>
      </c>
      <c r="C114" s="3" t="s">
        <v>373</v>
      </c>
      <c r="D114" s="5" t="s">
        <v>1009</v>
      </c>
      <c r="E114" s="3" t="s">
        <v>924</v>
      </c>
      <c r="F114" s="3" t="s">
        <v>1271</v>
      </c>
      <c r="G114" s="3" t="s">
        <v>76</v>
      </c>
      <c r="H114" s="3" t="s">
        <v>29</v>
      </c>
      <c r="I114" s="3" t="s">
        <v>926</v>
      </c>
      <c r="J114" s="7" t="s">
        <v>927</v>
      </c>
      <c r="K114" s="3" t="s">
        <v>32</v>
      </c>
      <c r="L114" s="3" t="s">
        <v>33</v>
      </c>
      <c r="M114" s="3" t="s">
        <v>928</v>
      </c>
      <c r="N114" s="3" t="s">
        <v>159</v>
      </c>
      <c r="O114" s="3" t="s">
        <v>166</v>
      </c>
      <c r="P114" s="3" t="s">
        <v>37</v>
      </c>
      <c r="Q114" s="3" t="s">
        <v>37</v>
      </c>
      <c r="R114" s="3" t="s">
        <v>39</v>
      </c>
      <c r="S114" s="3" t="s">
        <v>1272</v>
      </c>
      <c r="T114" s="3" t="s">
        <v>126</v>
      </c>
      <c r="U114" s="3" t="s">
        <v>37</v>
      </c>
      <c r="V114" s="3" t="s">
        <v>37</v>
      </c>
    </row>
    <row r="115" spans="1:22" ht="14.45" customHeight="1" x14ac:dyDescent="0.25">
      <c r="A115" s="3" t="s">
        <v>900</v>
      </c>
      <c r="B115" s="4" t="s">
        <v>372</v>
      </c>
      <c r="C115" s="3" t="s">
        <v>373</v>
      </c>
      <c r="D115" s="5" t="s">
        <v>172</v>
      </c>
      <c r="E115" s="3" t="s">
        <v>924</v>
      </c>
      <c r="F115" s="3" t="s">
        <v>1069</v>
      </c>
      <c r="G115" s="3" t="s">
        <v>242</v>
      </c>
      <c r="H115" s="3" t="s">
        <v>29</v>
      </c>
      <c r="I115" s="3" t="s">
        <v>935</v>
      </c>
      <c r="J115" s="7" t="s">
        <v>927</v>
      </c>
      <c r="K115" s="3" t="s">
        <v>32</v>
      </c>
      <c r="L115" s="3" t="s">
        <v>33</v>
      </c>
      <c r="M115" s="3" t="s">
        <v>928</v>
      </c>
      <c r="N115" s="3" t="s">
        <v>159</v>
      </c>
      <c r="O115" s="3" t="s">
        <v>166</v>
      </c>
      <c r="P115" s="3" t="s">
        <v>37</v>
      </c>
      <c r="Q115" s="3" t="s">
        <v>37</v>
      </c>
      <c r="R115" s="3" t="s">
        <v>39</v>
      </c>
      <c r="S115" s="3" t="s">
        <v>1262</v>
      </c>
      <c r="T115" s="3" t="s">
        <v>37</v>
      </c>
      <c r="U115" s="3" t="s">
        <v>37</v>
      </c>
      <c r="V115" s="3" t="s">
        <v>37</v>
      </c>
    </row>
    <row r="116" spans="1:22" ht="14.45" customHeight="1" x14ac:dyDescent="0.25">
      <c r="A116" s="3" t="s">
        <v>900</v>
      </c>
      <c r="B116" s="4" t="s">
        <v>372</v>
      </c>
      <c r="C116" s="3" t="s">
        <v>373</v>
      </c>
      <c r="D116" s="5" t="s">
        <v>1014</v>
      </c>
      <c r="E116" s="3" t="s">
        <v>924</v>
      </c>
      <c r="F116" s="3" t="s">
        <v>1071</v>
      </c>
      <c r="G116" s="3" t="s">
        <v>379</v>
      </c>
      <c r="H116" s="3" t="s">
        <v>29</v>
      </c>
      <c r="I116" s="3" t="s">
        <v>935</v>
      </c>
      <c r="J116" s="7" t="s">
        <v>927</v>
      </c>
      <c r="K116" s="3" t="s">
        <v>32</v>
      </c>
      <c r="L116" s="3" t="s">
        <v>33</v>
      </c>
      <c r="M116" s="3" t="s">
        <v>928</v>
      </c>
      <c r="N116" s="3" t="s">
        <v>159</v>
      </c>
      <c r="O116" s="3" t="s">
        <v>166</v>
      </c>
      <c r="P116" s="3" t="s">
        <v>37</v>
      </c>
      <c r="Q116" s="3" t="s">
        <v>37</v>
      </c>
      <c r="R116" s="3" t="s">
        <v>39</v>
      </c>
      <c r="S116" s="3" t="s">
        <v>1212</v>
      </c>
      <c r="T116" s="3" t="s">
        <v>37</v>
      </c>
      <c r="U116" s="3" t="s">
        <v>37</v>
      </c>
      <c r="V116" s="3" t="s">
        <v>37</v>
      </c>
    </row>
    <row r="117" spans="1:22" ht="14.45" customHeight="1" x14ac:dyDescent="0.25">
      <c r="A117" s="3" t="s">
        <v>900</v>
      </c>
      <c r="B117" s="4" t="s">
        <v>372</v>
      </c>
      <c r="C117" s="3" t="s">
        <v>373</v>
      </c>
      <c r="D117" s="5" t="s">
        <v>1018</v>
      </c>
      <c r="E117" s="3" t="s">
        <v>949</v>
      </c>
      <c r="F117" s="3" t="s">
        <v>1273</v>
      </c>
      <c r="G117" s="3" t="s">
        <v>1274</v>
      </c>
      <c r="H117" s="3" t="s">
        <v>50</v>
      </c>
      <c r="I117" s="3" t="s">
        <v>37</v>
      </c>
      <c r="J117" s="3" t="s">
        <v>1275</v>
      </c>
      <c r="K117" s="3" t="s">
        <v>32</v>
      </c>
      <c r="L117" s="3" t="s">
        <v>33</v>
      </c>
      <c r="M117" s="3" t="s">
        <v>69</v>
      </c>
      <c r="N117" s="3" t="s">
        <v>159</v>
      </c>
      <c r="O117" s="3" t="s">
        <v>37</v>
      </c>
      <c r="P117" s="3" t="s">
        <v>37</v>
      </c>
      <c r="Q117" s="3" t="s">
        <v>37</v>
      </c>
      <c r="R117" s="3" t="s">
        <v>39</v>
      </c>
      <c r="S117" s="3" t="s">
        <v>1276</v>
      </c>
      <c r="T117" s="3" t="s">
        <v>126</v>
      </c>
      <c r="U117" s="3" t="s">
        <v>37</v>
      </c>
      <c r="V117" s="3" t="s">
        <v>37</v>
      </c>
    </row>
    <row r="118" spans="1:22" ht="14.45" customHeight="1" x14ac:dyDescent="0.25">
      <c r="A118" s="3" t="s">
        <v>900</v>
      </c>
      <c r="B118" s="4" t="s">
        <v>372</v>
      </c>
      <c r="C118" s="3" t="s">
        <v>373</v>
      </c>
      <c r="D118" s="5" t="s">
        <v>176</v>
      </c>
      <c r="E118" s="3" t="s">
        <v>949</v>
      </c>
      <c r="F118" s="3" t="s">
        <v>1277</v>
      </c>
      <c r="G118" s="3" t="s">
        <v>1278</v>
      </c>
      <c r="H118" s="3" t="s">
        <v>50</v>
      </c>
      <c r="I118" s="3" t="s">
        <v>37</v>
      </c>
      <c r="J118" s="3" t="s">
        <v>1275</v>
      </c>
      <c r="K118" s="3" t="s">
        <v>32</v>
      </c>
      <c r="L118" s="3" t="s">
        <v>33</v>
      </c>
      <c r="M118" s="3" t="s">
        <v>69</v>
      </c>
      <c r="N118" s="3" t="s">
        <v>159</v>
      </c>
      <c r="O118" s="3" t="s">
        <v>1279</v>
      </c>
      <c r="P118" s="3" t="s">
        <v>37</v>
      </c>
      <c r="Q118" s="3" t="s">
        <v>37</v>
      </c>
      <c r="R118" s="3" t="s">
        <v>39</v>
      </c>
      <c r="S118" s="3" t="s">
        <v>1280</v>
      </c>
      <c r="T118" s="3" t="s">
        <v>37</v>
      </c>
      <c r="U118" s="3" t="s">
        <v>37</v>
      </c>
      <c r="V118" s="3" t="s">
        <v>37</v>
      </c>
    </row>
    <row r="119" spans="1:22" ht="14.45" customHeight="1" x14ac:dyDescent="0.25">
      <c r="A119" s="3" t="s">
        <v>900</v>
      </c>
      <c r="B119" s="4" t="s">
        <v>372</v>
      </c>
      <c r="C119" s="3" t="s">
        <v>373</v>
      </c>
      <c r="D119" s="5" t="s">
        <v>1023</v>
      </c>
      <c r="E119" s="3" t="s">
        <v>1024</v>
      </c>
      <c r="F119" s="3" t="s">
        <v>1281</v>
      </c>
      <c r="G119" s="3" t="s">
        <v>411</v>
      </c>
      <c r="H119" s="3" t="s">
        <v>60</v>
      </c>
      <c r="I119" s="3" t="s">
        <v>1026</v>
      </c>
      <c r="J119" s="3" t="s">
        <v>1282</v>
      </c>
      <c r="K119" s="3" t="s">
        <v>32</v>
      </c>
      <c r="L119" s="3" t="s">
        <v>33</v>
      </c>
      <c r="M119" s="3" t="s">
        <v>69</v>
      </c>
      <c r="N119" s="3" t="s">
        <v>159</v>
      </c>
      <c r="O119" s="3" t="s">
        <v>37</v>
      </c>
      <c r="P119" s="3" t="s">
        <v>37</v>
      </c>
      <c r="Q119" s="3" t="s">
        <v>37</v>
      </c>
      <c r="R119" s="3" t="s">
        <v>39</v>
      </c>
      <c r="S119" s="3" t="s">
        <v>1283</v>
      </c>
      <c r="T119" s="3" t="s">
        <v>126</v>
      </c>
      <c r="U119" s="3" t="s">
        <v>37</v>
      </c>
      <c r="V119" s="3" t="s">
        <v>37</v>
      </c>
    </row>
    <row r="120" spans="1:22" ht="14.45" customHeight="1" x14ac:dyDescent="0.25">
      <c r="A120" s="3" t="s">
        <v>900</v>
      </c>
      <c r="B120" s="4" t="s">
        <v>372</v>
      </c>
      <c r="C120" s="3" t="s">
        <v>373</v>
      </c>
      <c r="D120" s="5" t="s">
        <v>1284</v>
      </c>
      <c r="E120" s="3" t="s">
        <v>1024</v>
      </c>
      <c r="F120" s="3" t="s">
        <v>1285</v>
      </c>
      <c r="G120" s="3" t="s">
        <v>59</v>
      </c>
      <c r="H120" s="3" t="s">
        <v>60</v>
      </c>
      <c r="I120" s="3" t="s">
        <v>1026</v>
      </c>
      <c r="J120" s="3" t="s">
        <v>1282</v>
      </c>
      <c r="K120" s="3" t="s">
        <v>32</v>
      </c>
      <c r="L120" s="3" t="s">
        <v>33</v>
      </c>
      <c r="M120" s="3" t="s">
        <v>69</v>
      </c>
      <c r="N120" s="3" t="s">
        <v>159</v>
      </c>
      <c r="O120" s="3" t="s">
        <v>37</v>
      </c>
      <c r="P120" s="3" t="s">
        <v>37</v>
      </c>
      <c r="Q120" s="3" t="s">
        <v>37</v>
      </c>
      <c r="R120" s="3" t="s">
        <v>39</v>
      </c>
      <c r="S120" s="3" t="s">
        <v>1286</v>
      </c>
      <c r="T120" s="3" t="s">
        <v>37</v>
      </c>
      <c r="U120" s="3" t="s">
        <v>37</v>
      </c>
      <c r="V120" s="3" t="s">
        <v>37</v>
      </c>
    </row>
    <row r="121" spans="1:22" ht="14.45" customHeight="1" x14ac:dyDescent="0.25">
      <c r="A121" s="3" t="s">
        <v>900</v>
      </c>
      <c r="B121" s="4" t="s">
        <v>372</v>
      </c>
      <c r="C121" s="3" t="s">
        <v>373</v>
      </c>
      <c r="D121" s="5" t="s">
        <v>1029</v>
      </c>
      <c r="E121" s="3" t="s">
        <v>978</v>
      </c>
      <c r="F121" s="3" t="s">
        <v>1145</v>
      </c>
      <c r="G121" s="3" t="s">
        <v>433</v>
      </c>
      <c r="H121" s="3" t="s">
        <v>60</v>
      </c>
      <c r="I121" s="3" t="s">
        <v>37</v>
      </c>
      <c r="J121" s="3" t="s">
        <v>1146</v>
      </c>
      <c r="K121" s="3" t="s">
        <v>32</v>
      </c>
      <c r="L121" s="3" t="s">
        <v>33</v>
      </c>
      <c r="M121" s="3" t="s">
        <v>69</v>
      </c>
      <c r="N121" s="3" t="s">
        <v>53</v>
      </c>
      <c r="O121" s="3" t="s">
        <v>113</v>
      </c>
      <c r="P121" s="3" t="s">
        <v>37</v>
      </c>
      <c r="Q121" s="3" t="s">
        <v>37</v>
      </c>
      <c r="R121" s="3" t="s">
        <v>39</v>
      </c>
      <c r="S121" s="3" t="s">
        <v>1147</v>
      </c>
      <c r="T121" s="3" t="s">
        <v>37</v>
      </c>
      <c r="U121" s="3" t="s">
        <v>37</v>
      </c>
      <c r="V121" s="3" t="s">
        <v>37</v>
      </c>
    </row>
    <row r="122" spans="1:22" ht="14.45" customHeight="1" x14ac:dyDescent="0.25">
      <c r="A122" s="3" t="s">
        <v>900</v>
      </c>
      <c r="B122" s="4" t="s">
        <v>372</v>
      </c>
      <c r="C122" s="3" t="s">
        <v>373</v>
      </c>
      <c r="D122" s="5" t="s">
        <v>1287</v>
      </c>
      <c r="E122" s="3" t="s">
        <v>478</v>
      </c>
      <c r="F122" s="3" t="s">
        <v>1043</v>
      </c>
      <c r="G122" s="3" t="s">
        <v>1044</v>
      </c>
      <c r="H122" s="3" t="s">
        <v>180</v>
      </c>
      <c r="I122" s="3" t="s">
        <v>37</v>
      </c>
      <c r="J122" s="3" t="s">
        <v>1045</v>
      </c>
      <c r="K122" s="3" t="s">
        <v>32</v>
      </c>
      <c r="L122" s="3" t="s">
        <v>33</v>
      </c>
      <c r="M122" s="3" t="s">
        <v>34</v>
      </c>
      <c r="N122" s="3" t="s">
        <v>159</v>
      </c>
      <c r="O122" s="3" t="s">
        <v>113</v>
      </c>
      <c r="P122" s="3" t="s">
        <v>55</v>
      </c>
      <c r="Q122" s="3" t="s">
        <v>37</v>
      </c>
      <c r="R122" s="3" t="s">
        <v>39</v>
      </c>
      <c r="S122" s="3" t="s">
        <v>1046</v>
      </c>
      <c r="T122" s="3" t="s">
        <v>37</v>
      </c>
      <c r="U122" s="3" t="s">
        <v>37</v>
      </c>
      <c r="V122" s="3" t="s">
        <v>37</v>
      </c>
    </row>
    <row r="123" spans="1:22" ht="14.45" customHeight="1" x14ac:dyDescent="0.25">
      <c r="A123" s="3" t="s">
        <v>900</v>
      </c>
      <c r="B123" s="4" t="s">
        <v>372</v>
      </c>
      <c r="C123" s="3" t="s">
        <v>373</v>
      </c>
      <c r="D123" s="5" t="s">
        <v>1030</v>
      </c>
      <c r="E123" s="3" t="s">
        <v>1004</v>
      </c>
      <c r="F123" s="3" t="s">
        <v>1288</v>
      </c>
      <c r="G123" s="3" t="s">
        <v>526</v>
      </c>
      <c r="H123" s="3" t="s">
        <v>60</v>
      </c>
      <c r="I123" s="3" t="s">
        <v>37</v>
      </c>
      <c r="J123" s="3" t="s">
        <v>1289</v>
      </c>
      <c r="K123" s="3" t="s">
        <v>32</v>
      </c>
      <c r="L123" s="3" t="s">
        <v>33</v>
      </c>
      <c r="M123" s="3" t="s">
        <v>69</v>
      </c>
      <c r="N123" s="3" t="s">
        <v>79</v>
      </c>
      <c r="O123" s="3" t="s">
        <v>54</v>
      </c>
      <c r="P123" s="3" t="s">
        <v>55</v>
      </c>
      <c r="Q123" s="3" t="s">
        <v>37</v>
      </c>
      <c r="R123" s="3" t="s">
        <v>39</v>
      </c>
      <c r="S123" s="3" t="s">
        <v>1290</v>
      </c>
      <c r="T123" s="3" t="s">
        <v>37</v>
      </c>
      <c r="U123" s="3" t="s">
        <v>37</v>
      </c>
      <c r="V123" s="3" t="s">
        <v>37</v>
      </c>
    </row>
    <row r="124" spans="1:22" ht="14.45" customHeight="1" x14ac:dyDescent="0.25">
      <c r="A124" s="3" t="s">
        <v>900</v>
      </c>
      <c r="B124" s="4" t="s">
        <v>372</v>
      </c>
      <c r="C124" s="3" t="s">
        <v>373</v>
      </c>
      <c r="D124" s="5" t="s">
        <v>333</v>
      </c>
      <c r="E124" s="3" t="s">
        <v>993</v>
      </c>
      <c r="F124" s="3" t="s">
        <v>1291</v>
      </c>
      <c r="G124" s="3" t="s">
        <v>179</v>
      </c>
      <c r="H124" s="3" t="s">
        <v>50</v>
      </c>
      <c r="I124" s="3" t="s">
        <v>1292</v>
      </c>
      <c r="J124" s="3" t="s">
        <v>1293</v>
      </c>
      <c r="K124" s="3" t="s">
        <v>32</v>
      </c>
      <c r="L124" s="3" t="s">
        <v>33</v>
      </c>
      <c r="M124" s="3" t="s">
        <v>69</v>
      </c>
      <c r="N124" s="3" t="s">
        <v>131</v>
      </c>
      <c r="O124" s="3" t="s">
        <v>36</v>
      </c>
      <c r="P124" s="3" t="s">
        <v>37</v>
      </c>
      <c r="Q124" s="3" t="s">
        <v>37</v>
      </c>
      <c r="R124" s="3" t="s">
        <v>39</v>
      </c>
      <c r="S124" s="3" t="s">
        <v>1294</v>
      </c>
      <c r="T124" s="3" t="s">
        <v>37</v>
      </c>
      <c r="U124" s="3" t="s">
        <v>37</v>
      </c>
      <c r="V124" s="3" t="s">
        <v>37</v>
      </c>
    </row>
    <row r="125" spans="1:22" ht="14.45" customHeight="1" x14ac:dyDescent="0.25">
      <c r="A125" s="3" t="s">
        <v>900</v>
      </c>
      <c r="B125" s="4" t="s">
        <v>372</v>
      </c>
      <c r="C125" s="3" t="s">
        <v>373</v>
      </c>
      <c r="D125" s="5" t="s">
        <v>193</v>
      </c>
      <c r="E125" s="3" t="s">
        <v>987</v>
      </c>
      <c r="F125" s="3" t="s">
        <v>1295</v>
      </c>
      <c r="G125" s="3" t="s">
        <v>1296</v>
      </c>
      <c r="H125" s="3" t="s">
        <v>50</v>
      </c>
      <c r="I125" s="3" t="s">
        <v>1297</v>
      </c>
      <c r="J125" s="3" t="s">
        <v>1298</v>
      </c>
      <c r="K125" s="3" t="s">
        <v>32</v>
      </c>
      <c r="L125" s="3" t="s">
        <v>33</v>
      </c>
      <c r="M125" s="3" t="s">
        <v>69</v>
      </c>
      <c r="N125" s="3" t="s">
        <v>212</v>
      </c>
      <c r="O125" s="3" t="s">
        <v>113</v>
      </c>
      <c r="P125" s="3" t="s">
        <v>37</v>
      </c>
      <c r="Q125" s="3" t="s">
        <v>37</v>
      </c>
      <c r="R125" s="3" t="s">
        <v>39</v>
      </c>
      <c r="S125" s="3" t="s">
        <v>1299</v>
      </c>
      <c r="T125" s="3" t="s">
        <v>37</v>
      </c>
      <c r="U125" s="3" t="s">
        <v>37</v>
      </c>
      <c r="V125" s="3" t="s">
        <v>37</v>
      </c>
    </row>
    <row r="126" spans="1:22" ht="14.45" customHeight="1" x14ac:dyDescent="0.25">
      <c r="A126" s="3" t="s">
        <v>900</v>
      </c>
      <c r="B126" s="4" t="s">
        <v>372</v>
      </c>
      <c r="C126" s="3" t="s">
        <v>373</v>
      </c>
      <c r="D126" s="5" t="s">
        <v>477</v>
      </c>
      <c r="E126" s="3" t="s">
        <v>924</v>
      </c>
      <c r="F126" s="3" t="s">
        <v>1300</v>
      </c>
      <c r="G126" s="3" t="s">
        <v>607</v>
      </c>
      <c r="H126" s="3" t="s">
        <v>29</v>
      </c>
      <c r="I126" s="3" t="s">
        <v>926</v>
      </c>
      <c r="J126" s="7" t="s">
        <v>927</v>
      </c>
      <c r="K126" s="3" t="s">
        <v>32</v>
      </c>
      <c r="L126" s="3" t="s">
        <v>33</v>
      </c>
      <c r="M126" s="3" t="s">
        <v>928</v>
      </c>
      <c r="N126" s="3" t="s">
        <v>159</v>
      </c>
      <c r="O126" s="3" t="s">
        <v>166</v>
      </c>
      <c r="P126" s="3" t="s">
        <v>37</v>
      </c>
      <c r="Q126" s="3" t="s">
        <v>37</v>
      </c>
      <c r="R126" s="3" t="s">
        <v>39</v>
      </c>
      <c r="S126" s="3" t="s">
        <v>1301</v>
      </c>
      <c r="T126" s="3" t="s">
        <v>37</v>
      </c>
      <c r="U126" s="3" t="s">
        <v>37</v>
      </c>
      <c r="V126" s="3" t="s">
        <v>37</v>
      </c>
    </row>
    <row r="127" spans="1:22" ht="14.45" customHeight="1" x14ac:dyDescent="0.25">
      <c r="A127" s="3" t="s">
        <v>900</v>
      </c>
      <c r="B127" s="4" t="s">
        <v>372</v>
      </c>
      <c r="C127" s="3" t="s">
        <v>373</v>
      </c>
      <c r="D127" s="5" t="s">
        <v>1302</v>
      </c>
      <c r="E127" s="3" t="s">
        <v>924</v>
      </c>
      <c r="F127" s="3" t="s">
        <v>1303</v>
      </c>
      <c r="G127" s="3" t="s">
        <v>455</v>
      </c>
      <c r="H127" s="3" t="s">
        <v>29</v>
      </c>
      <c r="I127" s="3" t="s">
        <v>926</v>
      </c>
      <c r="J127" s="7" t="s">
        <v>927</v>
      </c>
      <c r="K127" s="3" t="s">
        <v>32</v>
      </c>
      <c r="L127" s="3" t="s">
        <v>33</v>
      </c>
      <c r="M127" s="3" t="s">
        <v>928</v>
      </c>
      <c r="N127" s="3" t="s">
        <v>159</v>
      </c>
      <c r="O127" s="3" t="s">
        <v>166</v>
      </c>
      <c r="P127" s="3" t="s">
        <v>37</v>
      </c>
      <c r="Q127" s="3" t="s">
        <v>37</v>
      </c>
      <c r="R127" s="3" t="s">
        <v>39</v>
      </c>
      <c r="S127" s="3" t="s">
        <v>1304</v>
      </c>
      <c r="T127" s="3" t="s">
        <v>37</v>
      </c>
      <c r="U127" s="3" t="s">
        <v>37</v>
      </c>
      <c r="V127" s="3" t="s">
        <v>37</v>
      </c>
    </row>
    <row r="128" spans="1:22" ht="14.45" customHeight="1" x14ac:dyDescent="0.25">
      <c r="A128" s="3" t="s">
        <v>900</v>
      </c>
      <c r="B128" s="4" t="s">
        <v>372</v>
      </c>
      <c r="C128" s="3" t="s">
        <v>373</v>
      </c>
      <c r="D128" s="5" t="s">
        <v>202</v>
      </c>
      <c r="E128" s="3" t="s">
        <v>924</v>
      </c>
      <c r="F128" s="3" t="s">
        <v>1271</v>
      </c>
      <c r="G128" s="3" t="s">
        <v>76</v>
      </c>
      <c r="H128" s="3" t="s">
        <v>29</v>
      </c>
      <c r="I128" s="3" t="s">
        <v>926</v>
      </c>
      <c r="J128" s="7" t="s">
        <v>927</v>
      </c>
      <c r="K128" s="3" t="s">
        <v>32</v>
      </c>
      <c r="L128" s="3" t="s">
        <v>33</v>
      </c>
      <c r="M128" s="3" t="s">
        <v>928</v>
      </c>
      <c r="N128" s="3" t="s">
        <v>159</v>
      </c>
      <c r="O128" s="3" t="s">
        <v>166</v>
      </c>
      <c r="P128" s="3" t="s">
        <v>37</v>
      </c>
      <c r="Q128" s="3" t="s">
        <v>37</v>
      </c>
      <c r="R128" s="3" t="s">
        <v>39</v>
      </c>
      <c r="S128" s="3" t="s">
        <v>1272</v>
      </c>
      <c r="T128" s="3" t="s">
        <v>37</v>
      </c>
      <c r="U128" s="3" t="s">
        <v>37</v>
      </c>
      <c r="V128" s="3" t="s">
        <v>37</v>
      </c>
    </row>
    <row r="129" spans="1:22" ht="14.45" customHeight="1" x14ac:dyDescent="0.25">
      <c r="A129" s="3" t="s">
        <v>900</v>
      </c>
      <c r="B129" s="4" t="s">
        <v>372</v>
      </c>
      <c r="C129" s="3" t="s">
        <v>373</v>
      </c>
      <c r="D129" s="5" t="s">
        <v>1042</v>
      </c>
      <c r="E129" s="3" t="s">
        <v>949</v>
      </c>
      <c r="F129" s="3" t="s">
        <v>1273</v>
      </c>
      <c r="G129" s="3" t="s">
        <v>1274</v>
      </c>
      <c r="H129" s="3" t="s">
        <v>50</v>
      </c>
      <c r="I129" s="3" t="s">
        <v>37</v>
      </c>
      <c r="J129" s="3" t="s">
        <v>1275</v>
      </c>
      <c r="K129" s="3" t="s">
        <v>32</v>
      </c>
      <c r="L129" s="3" t="s">
        <v>33</v>
      </c>
      <c r="M129" s="3" t="s">
        <v>69</v>
      </c>
      <c r="N129" s="3" t="s">
        <v>159</v>
      </c>
      <c r="O129" s="3" t="s">
        <v>37</v>
      </c>
      <c r="P129" s="3" t="s">
        <v>37</v>
      </c>
      <c r="Q129" s="3" t="s">
        <v>37</v>
      </c>
      <c r="R129" s="3" t="s">
        <v>39</v>
      </c>
      <c r="S129" s="3" t="s">
        <v>1276</v>
      </c>
      <c r="T129" s="3" t="s">
        <v>37</v>
      </c>
      <c r="U129" s="3" t="s">
        <v>37</v>
      </c>
      <c r="V129" s="3" t="s">
        <v>37</v>
      </c>
    </row>
    <row r="130" spans="1:22" ht="14.45" customHeight="1" x14ac:dyDescent="0.25">
      <c r="A130" s="3" t="s">
        <v>900</v>
      </c>
      <c r="B130" s="4" t="s">
        <v>372</v>
      </c>
      <c r="C130" s="3" t="s">
        <v>373</v>
      </c>
      <c r="D130" s="5" t="s">
        <v>1305</v>
      </c>
      <c r="E130" s="3" t="s">
        <v>949</v>
      </c>
      <c r="F130" s="3" t="s">
        <v>1277</v>
      </c>
      <c r="G130" s="3" t="s">
        <v>1278</v>
      </c>
      <c r="H130" s="3" t="s">
        <v>50</v>
      </c>
      <c r="I130" s="3" t="s">
        <v>37</v>
      </c>
      <c r="J130" s="3" t="s">
        <v>1275</v>
      </c>
      <c r="K130" s="3" t="s">
        <v>32</v>
      </c>
      <c r="L130" s="3" t="s">
        <v>33</v>
      </c>
      <c r="M130" s="3" t="s">
        <v>69</v>
      </c>
      <c r="N130" s="3" t="s">
        <v>159</v>
      </c>
      <c r="O130" s="3" t="s">
        <v>1279</v>
      </c>
      <c r="P130" s="3" t="s">
        <v>37</v>
      </c>
      <c r="Q130" s="3" t="s">
        <v>37</v>
      </c>
      <c r="R130" s="3" t="s">
        <v>39</v>
      </c>
      <c r="S130" s="3" t="s">
        <v>1280</v>
      </c>
      <c r="T130" s="3" t="s">
        <v>37</v>
      </c>
      <c r="U130" s="3" t="s">
        <v>37</v>
      </c>
      <c r="V130" s="3" t="s">
        <v>37</v>
      </c>
    </row>
    <row r="131" spans="1:22" ht="14.45" customHeight="1" x14ac:dyDescent="0.25">
      <c r="A131" s="3" t="s">
        <v>900</v>
      </c>
      <c r="B131" s="4" t="s">
        <v>372</v>
      </c>
      <c r="C131" s="3" t="s">
        <v>373</v>
      </c>
      <c r="D131" s="5" t="s">
        <v>207</v>
      </c>
      <c r="E131" s="3" t="s">
        <v>1024</v>
      </c>
      <c r="F131" s="3" t="s">
        <v>1281</v>
      </c>
      <c r="G131" s="3" t="s">
        <v>411</v>
      </c>
      <c r="H131" s="3" t="s">
        <v>60</v>
      </c>
      <c r="I131" s="3" t="s">
        <v>1026</v>
      </c>
      <c r="J131" s="3" t="s">
        <v>1282</v>
      </c>
      <c r="K131" s="3" t="s">
        <v>32</v>
      </c>
      <c r="L131" s="3" t="s">
        <v>33</v>
      </c>
      <c r="M131" s="3" t="s">
        <v>69</v>
      </c>
      <c r="N131" s="3" t="s">
        <v>159</v>
      </c>
      <c r="O131" s="3" t="s">
        <v>37</v>
      </c>
      <c r="P131" s="3" t="s">
        <v>37</v>
      </c>
      <c r="Q131" s="3" t="s">
        <v>37</v>
      </c>
      <c r="R131" s="3" t="s">
        <v>39</v>
      </c>
      <c r="S131" s="3" t="s">
        <v>1283</v>
      </c>
      <c r="T131" s="3" t="s">
        <v>37</v>
      </c>
      <c r="U131" s="3" t="s">
        <v>37</v>
      </c>
      <c r="V131" s="3" t="s">
        <v>37</v>
      </c>
    </row>
    <row r="132" spans="1:22" ht="14.45" customHeight="1" x14ac:dyDescent="0.25">
      <c r="A132" s="3" t="s">
        <v>900</v>
      </c>
      <c r="B132" s="4" t="s">
        <v>372</v>
      </c>
      <c r="C132" s="3" t="s">
        <v>373</v>
      </c>
      <c r="D132" s="5" t="s">
        <v>1306</v>
      </c>
      <c r="E132" s="3" t="s">
        <v>1024</v>
      </c>
      <c r="F132" s="3" t="s">
        <v>1285</v>
      </c>
      <c r="G132" s="3" t="s">
        <v>59</v>
      </c>
      <c r="H132" s="3" t="s">
        <v>60</v>
      </c>
      <c r="I132" s="3" t="s">
        <v>1026</v>
      </c>
      <c r="J132" s="3" t="s">
        <v>1282</v>
      </c>
      <c r="K132" s="3" t="s">
        <v>32</v>
      </c>
      <c r="L132" s="3" t="s">
        <v>33</v>
      </c>
      <c r="M132" s="3" t="s">
        <v>69</v>
      </c>
      <c r="N132" s="3" t="s">
        <v>159</v>
      </c>
      <c r="O132" s="3" t="s">
        <v>37</v>
      </c>
      <c r="P132" s="3" t="s">
        <v>37</v>
      </c>
      <c r="Q132" s="3" t="s">
        <v>37</v>
      </c>
      <c r="R132" s="3" t="s">
        <v>39</v>
      </c>
      <c r="S132" s="3" t="s">
        <v>1286</v>
      </c>
      <c r="T132" s="3" t="s">
        <v>37</v>
      </c>
      <c r="U132" s="3" t="s">
        <v>37</v>
      </c>
      <c r="V132" s="3" t="s">
        <v>37</v>
      </c>
    </row>
    <row r="133" spans="1:22" ht="14.45" customHeight="1" x14ac:dyDescent="0.25">
      <c r="A133" s="3" t="s">
        <v>900</v>
      </c>
      <c r="B133" s="4" t="s">
        <v>372</v>
      </c>
      <c r="C133" s="3" t="s">
        <v>373</v>
      </c>
      <c r="D133" s="5" t="s">
        <v>353</v>
      </c>
      <c r="E133" s="3" t="s">
        <v>978</v>
      </c>
      <c r="F133" s="3" t="s">
        <v>1145</v>
      </c>
      <c r="G133" s="3" t="s">
        <v>433</v>
      </c>
      <c r="H133" s="3" t="s">
        <v>60</v>
      </c>
      <c r="I133" s="3" t="s">
        <v>37</v>
      </c>
      <c r="J133" s="3" t="s">
        <v>1146</v>
      </c>
      <c r="K133" s="3" t="s">
        <v>32</v>
      </c>
      <c r="L133" s="3" t="s">
        <v>33</v>
      </c>
      <c r="M133" s="3" t="s">
        <v>69</v>
      </c>
      <c r="N133" s="3" t="s">
        <v>53</v>
      </c>
      <c r="O133" s="3" t="s">
        <v>113</v>
      </c>
      <c r="P133" s="3" t="s">
        <v>37</v>
      </c>
      <c r="Q133" s="3" t="s">
        <v>37</v>
      </c>
      <c r="R133" s="3" t="s">
        <v>39</v>
      </c>
      <c r="S133" s="3" t="s">
        <v>1147</v>
      </c>
      <c r="T133" s="3" t="s">
        <v>37</v>
      </c>
      <c r="U133" s="3" t="s">
        <v>37</v>
      </c>
      <c r="V133" s="3" t="s">
        <v>37</v>
      </c>
    </row>
    <row r="134" spans="1:22" ht="14.45" customHeight="1" x14ac:dyDescent="0.25">
      <c r="A134" s="3" t="s">
        <v>900</v>
      </c>
      <c r="B134" s="4" t="s">
        <v>372</v>
      </c>
      <c r="C134" s="3" t="s">
        <v>373</v>
      </c>
      <c r="D134" s="5" t="s">
        <v>215</v>
      </c>
      <c r="E134" s="3" t="s">
        <v>478</v>
      </c>
      <c r="F134" s="3" t="s">
        <v>1043</v>
      </c>
      <c r="G134" s="3" t="s">
        <v>1044</v>
      </c>
      <c r="H134" s="3" t="s">
        <v>180</v>
      </c>
      <c r="I134" s="3" t="s">
        <v>37</v>
      </c>
      <c r="J134" s="3" t="s">
        <v>1045</v>
      </c>
      <c r="K134" s="3" t="s">
        <v>32</v>
      </c>
      <c r="L134" s="3" t="s">
        <v>33</v>
      </c>
      <c r="M134" s="3" t="s">
        <v>34</v>
      </c>
      <c r="N134" s="3" t="s">
        <v>159</v>
      </c>
      <c r="O134" s="3" t="s">
        <v>113</v>
      </c>
      <c r="P134" s="3" t="s">
        <v>55</v>
      </c>
      <c r="Q134" s="3" t="s">
        <v>37</v>
      </c>
      <c r="R134" s="3" t="s">
        <v>39</v>
      </c>
      <c r="S134" s="3" t="s">
        <v>1046</v>
      </c>
      <c r="T134" s="3" t="s">
        <v>37</v>
      </c>
      <c r="U134" s="3" t="s">
        <v>37</v>
      </c>
      <c r="V134" s="3" t="s">
        <v>37</v>
      </c>
    </row>
    <row r="135" spans="1:22" ht="14.45" customHeight="1" x14ac:dyDescent="0.25">
      <c r="A135" s="3" t="s">
        <v>900</v>
      </c>
      <c r="B135" s="4" t="s">
        <v>372</v>
      </c>
      <c r="C135" s="3" t="s">
        <v>373</v>
      </c>
      <c r="D135" s="5" t="s">
        <v>1056</v>
      </c>
      <c r="E135" s="3" t="s">
        <v>1004</v>
      </c>
      <c r="F135" s="3" t="s">
        <v>1288</v>
      </c>
      <c r="G135" s="3" t="s">
        <v>526</v>
      </c>
      <c r="H135" s="3" t="s">
        <v>60</v>
      </c>
      <c r="I135" s="3" t="s">
        <v>37</v>
      </c>
      <c r="J135" s="3" t="s">
        <v>1289</v>
      </c>
      <c r="K135" s="3" t="s">
        <v>32</v>
      </c>
      <c r="L135" s="3" t="s">
        <v>33</v>
      </c>
      <c r="M135" s="3" t="s">
        <v>69</v>
      </c>
      <c r="N135" s="3" t="s">
        <v>79</v>
      </c>
      <c r="O135" s="3" t="s">
        <v>54</v>
      </c>
      <c r="P135" s="3" t="s">
        <v>55</v>
      </c>
      <c r="Q135" s="3" t="s">
        <v>37</v>
      </c>
      <c r="R135" s="3" t="s">
        <v>39</v>
      </c>
      <c r="S135" s="3" t="s">
        <v>1290</v>
      </c>
      <c r="T135" s="3" t="s">
        <v>37</v>
      </c>
      <c r="U135" s="3" t="s">
        <v>37</v>
      </c>
      <c r="V135" s="3" t="s">
        <v>37</v>
      </c>
    </row>
    <row r="136" spans="1:22" ht="14.45" customHeight="1" x14ac:dyDescent="0.25">
      <c r="A136" s="3" t="s">
        <v>900</v>
      </c>
      <c r="B136" s="4" t="s">
        <v>372</v>
      </c>
      <c r="C136" s="3" t="s">
        <v>373</v>
      </c>
      <c r="D136" s="5" t="s">
        <v>217</v>
      </c>
      <c r="E136" s="3" t="s">
        <v>993</v>
      </c>
      <c r="F136" s="3" t="s">
        <v>1291</v>
      </c>
      <c r="G136" s="3" t="s">
        <v>179</v>
      </c>
      <c r="H136" s="3" t="s">
        <v>50</v>
      </c>
      <c r="I136" s="3" t="s">
        <v>1292</v>
      </c>
      <c r="J136" s="3" t="s">
        <v>1293</v>
      </c>
      <c r="K136" s="3" t="s">
        <v>32</v>
      </c>
      <c r="L136" s="3" t="s">
        <v>33</v>
      </c>
      <c r="M136" s="3" t="s">
        <v>69</v>
      </c>
      <c r="N136" s="3" t="s">
        <v>131</v>
      </c>
      <c r="O136" s="3" t="s">
        <v>36</v>
      </c>
      <c r="P136" s="3" t="s">
        <v>37</v>
      </c>
      <c r="Q136" s="3" t="s">
        <v>37</v>
      </c>
      <c r="R136" s="3" t="s">
        <v>39</v>
      </c>
      <c r="S136" s="3" t="s">
        <v>1294</v>
      </c>
      <c r="T136" s="3" t="s">
        <v>37</v>
      </c>
      <c r="U136" s="3" t="s">
        <v>37</v>
      </c>
      <c r="V136" s="3" t="s">
        <v>37</v>
      </c>
    </row>
    <row r="137" spans="1:22" ht="14.45" customHeight="1" x14ac:dyDescent="0.25">
      <c r="A137" s="3" t="s">
        <v>900</v>
      </c>
      <c r="B137" s="4" t="s">
        <v>372</v>
      </c>
      <c r="C137" s="3" t="s">
        <v>373</v>
      </c>
      <c r="D137" s="5" t="s">
        <v>1063</v>
      </c>
      <c r="E137" s="3" t="s">
        <v>913</v>
      </c>
      <c r="F137" s="3" t="s">
        <v>1190</v>
      </c>
      <c r="G137" s="3" t="s">
        <v>43</v>
      </c>
      <c r="H137" s="3" t="s">
        <v>29</v>
      </c>
      <c r="I137" s="3" t="s">
        <v>915</v>
      </c>
      <c r="J137" s="3" t="s">
        <v>1191</v>
      </c>
      <c r="K137" s="3" t="s">
        <v>32</v>
      </c>
      <c r="L137" s="3" t="s">
        <v>33</v>
      </c>
      <c r="M137" s="3" t="s">
        <v>34</v>
      </c>
      <c r="N137" s="3" t="s">
        <v>53</v>
      </c>
      <c r="O137" s="3" t="s">
        <v>54</v>
      </c>
      <c r="P137" s="3" t="s">
        <v>37</v>
      </c>
      <c r="Q137" s="3" t="s">
        <v>37</v>
      </c>
      <c r="R137" s="3" t="s">
        <v>39</v>
      </c>
      <c r="S137" s="3" t="s">
        <v>1192</v>
      </c>
      <c r="T137" s="3" t="s">
        <v>37</v>
      </c>
      <c r="U137" s="3" t="s">
        <v>37</v>
      </c>
      <c r="V137" s="3" t="s">
        <v>37</v>
      </c>
    </row>
    <row r="138" spans="1:22" ht="14.45" customHeight="1" x14ac:dyDescent="0.25">
      <c r="A138" s="3"/>
      <c r="B138" s="4"/>
      <c r="C138" s="3"/>
      <c r="D138" s="5"/>
      <c r="E138" s="6" t="s">
        <v>1067</v>
      </c>
      <c r="F138" s="3"/>
      <c r="G138" s="3"/>
      <c r="H138" s="3"/>
      <c r="I138" s="3"/>
      <c r="J138" s="3"/>
      <c r="K138" s="3"/>
      <c r="L138" s="3"/>
      <c r="M138" s="3"/>
      <c r="N138" s="3"/>
      <c r="O138" s="3"/>
      <c r="P138" s="3"/>
      <c r="Q138" s="3"/>
      <c r="R138" s="3"/>
      <c r="S138" s="3"/>
      <c r="T138" s="3"/>
      <c r="U138" s="3"/>
      <c r="V138" s="3"/>
    </row>
    <row r="139" spans="1:22" ht="14.45" customHeight="1" x14ac:dyDescent="0.25">
      <c r="A139" s="3"/>
      <c r="B139" s="4"/>
      <c r="C139" s="3"/>
      <c r="D139" s="5"/>
      <c r="E139" s="3"/>
      <c r="F139" s="3"/>
      <c r="G139" s="3"/>
      <c r="H139" s="3"/>
      <c r="I139" s="3"/>
      <c r="J139" s="3"/>
      <c r="K139" s="3"/>
      <c r="L139" s="3"/>
      <c r="M139" s="3"/>
      <c r="N139" s="3"/>
      <c r="O139" s="3"/>
      <c r="P139" s="3"/>
      <c r="Q139" s="3"/>
      <c r="R139" s="3"/>
      <c r="S139" s="3"/>
      <c r="T139" s="3"/>
      <c r="U139" s="3"/>
      <c r="V139" s="3"/>
    </row>
    <row r="140" spans="1:22" ht="14.45" customHeight="1" x14ac:dyDescent="0.25">
      <c r="A140" s="3" t="s">
        <v>900</v>
      </c>
      <c r="B140" s="4" t="s">
        <v>514</v>
      </c>
      <c r="C140" s="3" t="s">
        <v>515</v>
      </c>
      <c r="D140" s="5" t="s">
        <v>25</v>
      </c>
      <c r="E140" s="3" t="s">
        <v>901</v>
      </c>
      <c r="F140" s="3" t="s">
        <v>1307</v>
      </c>
      <c r="G140" s="3" t="s">
        <v>1274</v>
      </c>
      <c r="H140" s="3" t="s">
        <v>50</v>
      </c>
      <c r="I140" s="3" t="s">
        <v>904</v>
      </c>
      <c r="J140" s="3" t="s">
        <v>1308</v>
      </c>
      <c r="K140" s="3" t="s">
        <v>32</v>
      </c>
      <c r="L140" s="3" t="s">
        <v>33</v>
      </c>
      <c r="M140" s="3" t="s">
        <v>69</v>
      </c>
      <c r="N140" s="3" t="s">
        <v>906</v>
      </c>
      <c r="O140" s="3" t="s">
        <v>113</v>
      </c>
      <c r="P140" s="3" t="s">
        <v>37</v>
      </c>
      <c r="Q140" s="3" t="s">
        <v>37</v>
      </c>
      <c r="R140" s="3" t="s">
        <v>39</v>
      </c>
      <c r="S140" s="3" t="s">
        <v>1309</v>
      </c>
      <c r="T140" s="3" t="s">
        <v>37</v>
      </c>
      <c r="U140" s="3" t="s">
        <v>37</v>
      </c>
      <c r="V140" s="3" t="s">
        <v>37</v>
      </c>
    </row>
    <row r="141" spans="1:22" ht="14.45" customHeight="1" x14ac:dyDescent="0.25">
      <c r="A141" s="3" t="s">
        <v>900</v>
      </c>
      <c r="B141" s="4" t="s">
        <v>514</v>
      </c>
      <c r="C141" s="3" t="s">
        <v>515</v>
      </c>
      <c r="D141" s="5" t="s">
        <v>908</v>
      </c>
      <c r="E141" s="3" t="s">
        <v>901</v>
      </c>
      <c r="F141" s="3" t="s">
        <v>1310</v>
      </c>
      <c r="G141" s="3" t="s">
        <v>1311</v>
      </c>
      <c r="H141" s="3" t="s">
        <v>50</v>
      </c>
      <c r="I141" s="3" t="s">
        <v>904</v>
      </c>
      <c r="J141" s="3" t="s">
        <v>1312</v>
      </c>
      <c r="K141" s="3" t="s">
        <v>32</v>
      </c>
      <c r="L141" s="3" t="s">
        <v>33</v>
      </c>
      <c r="M141" s="3" t="s">
        <v>69</v>
      </c>
      <c r="N141" s="3" t="s">
        <v>906</v>
      </c>
      <c r="O141" s="3" t="s">
        <v>113</v>
      </c>
      <c r="P141" s="3" t="s">
        <v>37</v>
      </c>
      <c r="Q141" s="3" t="s">
        <v>37</v>
      </c>
      <c r="R141" s="3" t="s">
        <v>39</v>
      </c>
      <c r="S141" s="3" t="s">
        <v>1313</v>
      </c>
      <c r="T141" s="3" t="s">
        <v>37</v>
      </c>
      <c r="U141" s="3" t="s">
        <v>37</v>
      </c>
      <c r="V141" s="3" t="s">
        <v>37</v>
      </c>
    </row>
    <row r="142" spans="1:22" ht="14.45" customHeight="1" x14ac:dyDescent="0.25">
      <c r="A142" s="3" t="s">
        <v>900</v>
      </c>
      <c r="B142" s="4" t="s">
        <v>514</v>
      </c>
      <c r="C142" s="3" t="s">
        <v>515</v>
      </c>
      <c r="D142" s="5" t="s">
        <v>46</v>
      </c>
      <c r="E142" s="3" t="s">
        <v>924</v>
      </c>
      <c r="F142" s="3" t="s">
        <v>1151</v>
      </c>
      <c r="G142" s="3" t="s">
        <v>59</v>
      </c>
      <c r="H142" s="3" t="s">
        <v>29</v>
      </c>
      <c r="I142" s="3" t="s">
        <v>935</v>
      </c>
      <c r="J142" s="7" t="s">
        <v>927</v>
      </c>
      <c r="K142" s="3" t="s">
        <v>32</v>
      </c>
      <c r="L142" s="3" t="s">
        <v>33</v>
      </c>
      <c r="M142" s="3" t="s">
        <v>928</v>
      </c>
      <c r="N142" s="3" t="s">
        <v>159</v>
      </c>
      <c r="O142" s="3" t="s">
        <v>166</v>
      </c>
      <c r="P142" s="3" t="s">
        <v>37</v>
      </c>
      <c r="Q142" s="3" t="s">
        <v>37</v>
      </c>
      <c r="R142" s="3" t="s">
        <v>39</v>
      </c>
      <c r="S142" s="3" t="s">
        <v>1152</v>
      </c>
      <c r="T142" s="3" t="s">
        <v>37</v>
      </c>
      <c r="U142" s="3" t="s">
        <v>37</v>
      </c>
      <c r="V142" s="3" t="s">
        <v>37</v>
      </c>
    </row>
    <row r="143" spans="1:22" ht="14.45" customHeight="1" x14ac:dyDescent="0.25">
      <c r="A143" s="3" t="s">
        <v>900</v>
      </c>
      <c r="B143" s="4" t="s">
        <v>514</v>
      </c>
      <c r="C143" s="3" t="s">
        <v>515</v>
      </c>
      <c r="D143" s="5" t="s">
        <v>1207</v>
      </c>
      <c r="E143" s="3" t="s">
        <v>924</v>
      </c>
      <c r="F143" s="3" t="s">
        <v>1068</v>
      </c>
      <c r="G143" s="3" t="s">
        <v>153</v>
      </c>
      <c r="H143" s="3" t="s">
        <v>29</v>
      </c>
      <c r="I143" s="3" t="s">
        <v>935</v>
      </c>
      <c r="J143" s="7" t="s">
        <v>927</v>
      </c>
      <c r="K143" s="3" t="s">
        <v>32</v>
      </c>
      <c r="L143" s="3" t="s">
        <v>33</v>
      </c>
      <c r="M143" s="3" t="s">
        <v>928</v>
      </c>
      <c r="N143" s="3" t="s">
        <v>159</v>
      </c>
      <c r="O143" s="3" t="s">
        <v>166</v>
      </c>
      <c r="P143" s="3" t="s">
        <v>37</v>
      </c>
      <c r="Q143" s="3" t="s">
        <v>37</v>
      </c>
      <c r="R143" s="3" t="s">
        <v>39</v>
      </c>
      <c r="S143" s="3" t="s">
        <v>1314</v>
      </c>
      <c r="T143" s="3" t="s">
        <v>37</v>
      </c>
      <c r="U143" s="3" t="s">
        <v>37</v>
      </c>
      <c r="V143" s="3" t="s">
        <v>37</v>
      </c>
    </row>
    <row r="144" spans="1:22" ht="14.45" customHeight="1" x14ac:dyDescent="0.25">
      <c r="A144" s="3" t="s">
        <v>900</v>
      </c>
      <c r="B144" s="4" t="s">
        <v>514</v>
      </c>
      <c r="C144" s="3" t="s">
        <v>515</v>
      </c>
      <c r="D144" s="5" t="s">
        <v>1211</v>
      </c>
      <c r="E144" s="3" t="s">
        <v>924</v>
      </c>
      <c r="F144" s="3" t="s">
        <v>1315</v>
      </c>
      <c r="G144" s="3" t="s">
        <v>313</v>
      </c>
      <c r="H144" s="3" t="s">
        <v>29</v>
      </c>
      <c r="I144" s="3" t="s">
        <v>935</v>
      </c>
      <c r="J144" s="3" t="s">
        <v>1316</v>
      </c>
      <c r="K144" s="3" t="s">
        <v>32</v>
      </c>
      <c r="L144" s="3" t="s">
        <v>33</v>
      </c>
      <c r="M144" s="3" t="s">
        <v>928</v>
      </c>
      <c r="N144" s="3" t="s">
        <v>159</v>
      </c>
      <c r="O144" s="3" t="s">
        <v>166</v>
      </c>
      <c r="P144" s="3" t="s">
        <v>37</v>
      </c>
      <c r="Q144" s="3" t="s">
        <v>37</v>
      </c>
      <c r="R144" s="3" t="s">
        <v>39</v>
      </c>
      <c r="S144" s="3" t="s">
        <v>1317</v>
      </c>
      <c r="T144" s="3" t="s">
        <v>37</v>
      </c>
      <c r="U144" s="3" t="s">
        <v>37</v>
      </c>
      <c r="V144" s="3" t="s">
        <v>37</v>
      </c>
    </row>
    <row r="145" spans="1:22" ht="14.45" customHeight="1" x14ac:dyDescent="0.25">
      <c r="A145" s="3" t="s">
        <v>900</v>
      </c>
      <c r="B145" s="4" t="s">
        <v>514</v>
      </c>
      <c r="C145" s="3" t="s">
        <v>515</v>
      </c>
      <c r="D145" s="5" t="s">
        <v>918</v>
      </c>
      <c r="E145" s="3" t="s">
        <v>924</v>
      </c>
      <c r="F145" s="3" t="s">
        <v>1271</v>
      </c>
      <c r="G145" s="3" t="s">
        <v>76</v>
      </c>
      <c r="H145" s="3" t="s">
        <v>29</v>
      </c>
      <c r="I145" s="3" t="s">
        <v>926</v>
      </c>
      <c r="J145" s="7" t="s">
        <v>927</v>
      </c>
      <c r="K145" s="3" t="s">
        <v>32</v>
      </c>
      <c r="L145" s="3" t="s">
        <v>33</v>
      </c>
      <c r="M145" s="3" t="s">
        <v>928</v>
      </c>
      <c r="N145" s="3" t="s">
        <v>159</v>
      </c>
      <c r="O145" s="3" t="s">
        <v>166</v>
      </c>
      <c r="P145" s="3" t="s">
        <v>37</v>
      </c>
      <c r="Q145" s="3" t="s">
        <v>37</v>
      </c>
      <c r="R145" s="3" t="s">
        <v>39</v>
      </c>
      <c r="S145" s="3" t="s">
        <v>1272</v>
      </c>
      <c r="T145" s="3" t="s">
        <v>37</v>
      </c>
      <c r="U145" s="3" t="s">
        <v>37</v>
      </c>
      <c r="V145" s="3" t="s">
        <v>37</v>
      </c>
    </row>
    <row r="146" spans="1:22" ht="14.45" customHeight="1" x14ac:dyDescent="0.25">
      <c r="A146" s="3" t="s">
        <v>900</v>
      </c>
      <c r="B146" s="4" t="s">
        <v>514</v>
      </c>
      <c r="C146" s="3" t="s">
        <v>515</v>
      </c>
      <c r="D146" s="5" t="s">
        <v>1213</v>
      </c>
      <c r="E146" s="3" t="s">
        <v>924</v>
      </c>
      <c r="F146" s="3" t="s">
        <v>1303</v>
      </c>
      <c r="G146" s="3" t="s">
        <v>455</v>
      </c>
      <c r="H146" s="3" t="s">
        <v>29</v>
      </c>
      <c r="I146" s="3" t="s">
        <v>926</v>
      </c>
      <c r="J146" s="7" t="s">
        <v>927</v>
      </c>
      <c r="K146" s="3" t="s">
        <v>32</v>
      </c>
      <c r="L146" s="3" t="s">
        <v>33</v>
      </c>
      <c r="M146" s="3" t="s">
        <v>928</v>
      </c>
      <c r="N146" s="3" t="s">
        <v>159</v>
      </c>
      <c r="O146" s="3" t="s">
        <v>166</v>
      </c>
      <c r="P146" s="3" t="s">
        <v>37</v>
      </c>
      <c r="Q146" s="3" t="s">
        <v>37</v>
      </c>
      <c r="R146" s="3" t="s">
        <v>39</v>
      </c>
      <c r="S146" s="3" t="s">
        <v>1304</v>
      </c>
      <c r="T146" s="3" t="s">
        <v>37</v>
      </c>
      <c r="U146" s="3" t="s">
        <v>37</v>
      </c>
      <c r="V146" s="3" t="s">
        <v>37</v>
      </c>
    </row>
    <row r="147" spans="1:22" ht="14.45" customHeight="1" x14ac:dyDescent="0.25">
      <c r="A147" s="3" t="s">
        <v>900</v>
      </c>
      <c r="B147" s="4" t="s">
        <v>514</v>
      </c>
      <c r="C147" s="3" t="s">
        <v>515</v>
      </c>
      <c r="D147" s="5" t="s">
        <v>641</v>
      </c>
      <c r="E147" s="3" t="s">
        <v>924</v>
      </c>
      <c r="F147" s="3" t="s">
        <v>1300</v>
      </c>
      <c r="G147" s="3" t="s">
        <v>607</v>
      </c>
      <c r="H147" s="3" t="s">
        <v>29</v>
      </c>
      <c r="I147" s="3" t="s">
        <v>926</v>
      </c>
      <c r="J147" s="7" t="s">
        <v>927</v>
      </c>
      <c r="K147" s="3" t="s">
        <v>32</v>
      </c>
      <c r="L147" s="3" t="s">
        <v>33</v>
      </c>
      <c r="M147" s="3" t="s">
        <v>928</v>
      </c>
      <c r="N147" s="3" t="s">
        <v>159</v>
      </c>
      <c r="O147" s="3" t="s">
        <v>166</v>
      </c>
      <c r="P147" s="3" t="s">
        <v>37</v>
      </c>
      <c r="Q147" s="3" t="s">
        <v>37</v>
      </c>
      <c r="R147" s="3" t="s">
        <v>39</v>
      </c>
      <c r="S147" s="3" t="s">
        <v>1301</v>
      </c>
      <c r="T147" s="3" t="s">
        <v>37</v>
      </c>
      <c r="U147" s="3" t="s">
        <v>37</v>
      </c>
      <c r="V147" s="3" t="s">
        <v>37</v>
      </c>
    </row>
    <row r="148" spans="1:22" ht="14.45" customHeight="1" x14ac:dyDescent="0.25">
      <c r="A148" s="3" t="s">
        <v>900</v>
      </c>
      <c r="B148" s="4" t="s">
        <v>514</v>
      </c>
      <c r="C148" s="3" t="s">
        <v>515</v>
      </c>
      <c r="D148" s="5" t="s">
        <v>923</v>
      </c>
      <c r="E148" s="3" t="s">
        <v>478</v>
      </c>
      <c r="F148" s="3" t="s">
        <v>1318</v>
      </c>
      <c r="G148" s="3" t="s">
        <v>148</v>
      </c>
      <c r="H148" s="3" t="s">
        <v>29</v>
      </c>
      <c r="I148" s="3" t="s">
        <v>1219</v>
      </c>
      <c r="J148" s="3" t="s">
        <v>1319</v>
      </c>
      <c r="K148" s="3" t="s">
        <v>32</v>
      </c>
      <c r="L148" s="3" t="s">
        <v>1221</v>
      </c>
      <c r="M148" s="3" t="s">
        <v>34</v>
      </c>
      <c r="N148" s="3" t="s">
        <v>131</v>
      </c>
      <c r="O148" s="3" t="s">
        <v>113</v>
      </c>
      <c r="P148" s="3" t="s">
        <v>37</v>
      </c>
      <c r="Q148" s="3" t="s">
        <v>37</v>
      </c>
      <c r="R148" s="3" t="s">
        <v>39</v>
      </c>
      <c r="S148" s="3" t="s">
        <v>1320</v>
      </c>
      <c r="T148" s="3" t="s">
        <v>37</v>
      </c>
      <c r="U148" s="3" t="s">
        <v>37</v>
      </c>
      <c r="V148" s="3" t="s">
        <v>37</v>
      </c>
    </row>
    <row r="149" spans="1:22" ht="14.45" customHeight="1" x14ac:dyDescent="0.25">
      <c r="A149" s="3" t="s">
        <v>900</v>
      </c>
      <c r="B149" s="4" t="s">
        <v>514</v>
      </c>
      <c r="C149" s="3" t="s">
        <v>515</v>
      </c>
      <c r="D149" s="5" t="s">
        <v>938</v>
      </c>
      <c r="E149" s="3" t="s">
        <v>478</v>
      </c>
      <c r="F149" s="3" t="s">
        <v>1321</v>
      </c>
      <c r="G149" s="3" t="s">
        <v>570</v>
      </c>
      <c r="H149" s="3" t="s">
        <v>60</v>
      </c>
      <c r="I149" s="3" t="s">
        <v>481</v>
      </c>
      <c r="J149" s="3" t="s">
        <v>1322</v>
      </c>
      <c r="K149" s="3" t="s">
        <v>32</v>
      </c>
      <c r="L149" s="3" t="s">
        <v>37</v>
      </c>
      <c r="M149" s="3" t="s">
        <v>34</v>
      </c>
      <c r="N149" s="3" t="s">
        <v>79</v>
      </c>
      <c r="O149" s="3" t="s">
        <v>113</v>
      </c>
      <c r="P149" s="3" t="s">
        <v>37</v>
      </c>
      <c r="Q149" s="3" t="s">
        <v>37</v>
      </c>
      <c r="R149" s="3" t="s">
        <v>39</v>
      </c>
      <c r="S149" s="3" t="s">
        <v>1323</v>
      </c>
      <c r="T149" s="3" t="s">
        <v>37</v>
      </c>
      <c r="U149" s="3" t="s">
        <v>37</v>
      </c>
      <c r="V149" s="3" t="s">
        <v>37</v>
      </c>
    </row>
    <row r="150" spans="1:22" ht="14.45" customHeight="1" x14ac:dyDescent="0.25">
      <c r="A150" s="3" t="s">
        <v>900</v>
      </c>
      <c r="B150" s="4" t="s">
        <v>514</v>
      </c>
      <c r="C150" s="3" t="s">
        <v>515</v>
      </c>
      <c r="D150" s="5" t="s">
        <v>948</v>
      </c>
      <c r="E150" s="3" t="s">
        <v>919</v>
      </c>
      <c r="F150" s="3" t="s">
        <v>1268</v>
      </c>
      <c r="G150" s="3" t="s">
        <v>29</v>
      </c>
      <c r="H150" s="3" t="s">
        <v>29</v>
      </c>
      <c r="I150" s="3" t="s">
        <v>37</v>
      </c>
      <c r="J150" s="3" t="s">
        <v>1269</v>
      </c>
      <c r="K150" s="3" t="s">
        <v>32</v>
      </c>
      <c r="L150" s="3" t="s">
        <v>33</v>
      </c>
      <c r="M150" s="3" t="s">
        <v>69</v>
      </c>
      <c r="N150" s="3" t="s">
        <v>53</v>
      </c>
      <c r="O150" s="3" t="s">
        <v>54</v>
      </c>
      <c r="P150" s="3" t="s">
        <v>37</v>
      </c>
      <c r="Q150" s="3" t="s">
        <v>37</v>
      </c>
      <c r="R150" s="3" t="s">
        <v>39</v>
      </c>
      <c r="S150" s="3" t="s">
        <v>1270</v>
      </c>
      <c r="T150" s="3" t="s">
        <v>37</v>
      </c>
      <c r="U150" s="3" t="s">
        <v>37</v>
      </c>
      <c r="V150" s="3" t="s">
        <v>37</v>
      </c>
    </row>
    <row r="151" spans="1:22" ht="14.45" customHeight="1" x14ac:dyDescent="0.25">
      <c r="A151" s="3" t="s">
        <v>900</v>
      </c>
      <c r="B151" s="4" t="s">
        <v>514</v>
      </c>
      <c r="C151" s="3" t="s">
        <v>515</v>
      </c>
      <c r="D151" s="5" t="s">
        <v>953</v>
      </c>
      <c r="E151" s="3" t="s">
        <v>919</v>
      </c>
      <c r="F151" s="3" t="s">
        <v>1324</v>
      </c>
      <c r="G151" s="3" t="s">
        <v>60</v>
      </c>
      <c r="H151" s="3" t="s">
        <v>29</v>
      </c>
      <c r="I151" s="3" t="s">
        <v>37</v>
      </c>
      <c r="J151" s="3" t="s">
        <v>1325</v>
      </c>
      <c r="K151" s="3" t="s">
        <v>32</v>
      </c>
      <c r="L151" s="3" t="s">
        <v>33</v>
      </c>
      <c r="M151" s="3" t="s">
        <v>69</v>
      </c>
      <c r="N151" s="3" t="s">
        <v>53</v>
      </c>
      <c r="O151" s="3" t="s">
        <v>54</v>
      </c>
      <c r="P151" s="3" t="s">
        <v>37</v>
      </c>
      <c r="Q151" s="3" t="s">
        <v>37</v>
      </c>
      <c r="R151" s="3" t="s">
        <v>39</v>
      </c>
      <c r="S151" s="3" t="s">
        <v>1326</v>
      </c>
      <c r="T151" s="3" t="s">
        <v>37</v>
      </c>
      <c r="U151" s="3" t="s">
        <v>37</v>
      </c>
      <c r="V151" s="3" t="s">
        <v>37</v>
      </c>
    </row>
    <row r="152" spans="1:22" ht="14.45" customHeight="1" x14ac:dyDescent="0.25">
      <c r="A152" s="3" t="s">
        <v>900</v>
      </c>
      <c r="B152" s="4" t="s">
        <v>514</v>
      </c>
      <c r="C152" s="3" t="s">
        <v>515</v>
      </c>
      <c r="D152" s="5" t="s">
        <v>957</v>
      </c>
      <c r="E152" s="3" t="s">
        <v>982</v>
      </c>
      <c r="F152" s="3" t="s">
        <v>1327</v>
      </c>
      <c r="G152" s="3" t="s">
        <v>98</v>
      </c>
      <c r="H152" s="3" t="s">
        <v>60</v>
      </c>
      <c r="I152" s="3" t="s">
        <v>1328</v>
      </c>
      <c r="J152" s="3" t="s">
        <v>1329</v>
      </c>
      <c r="K152" s="3" t="s">
        <v>32</v>
      </c>
      <c r="L152" s="3" t="s">
        <v>33</v>
      </c>
      <c r="M152" s="3" t="s">
        <v>69</v>
      </c>
      <c r="N152" s="3" t="s">
        <v>53</v>
      </c>
      <c r="O152" s="3" t="s">
        <v>113</v>
      </c>
      <c r="P152" s="3" t="s">
        <v>37</v>
      </c>
      <c r="Q152" s="3" t="s">
        <v>37</v>
      </c>
      <c r="R152" s="3" t="s">
        <v>39</v>
      </c>
      <c r="S152" s="3" t="s">
        <v>1330</v>
      </c>
      <c r="T152" s="3" t="s">
        <v>37</v>
      </c>
      <c r="U152" s="3" t="s">
        <v>37</v>
      </c>
      <c r="V152" s="3" t="s">
        <v>37</v>
      </c>
    </row>
    <row r="153" spans="1:22" ht="14.45" customHeight="1" x14ac:dyDescent="0.25">
      <c r="A153" s="3" t="s">
        <v>900</v>
      </c>
      <c r="B153" s="4" t="s">
        <v>514</v>
      </c>
      <c r="C153" s="3" t="s">
        <v>515</v>
      </c>
      <c r="D153" s="5" t="s">
        <v>962</v>
      </c>
      <c r="E153" s="3" t="s">
        <v>982</v>
      </c>
      <c r="F153" s="3" t="s">
        <v>1331</v>
      </c>
      <c r="G153" s="3" t="s">
        <v>411</v>
      </c>
      <c r="H153" s="3" t="s">
        <v>60</v>
      </c>
      <c r="I153" s="3" t="s">
        <v>1157</v>
      </c>
      <c r="J153" s="3" t="s">
        <v>1332</v>
      </c>
      <c r="K153" s="3" t="s">
        <v>32</v>
      </c>
      <c r="L153" s="3" t="s">
        <v>33</v>
      </c>
      <c r="M153" s="3" t="s">
        <v>69</v>
      </c>
      <c r="N153" s="3" t="s">
        <v>53</v>
      </c>
      <c r="O153" s="3" t="s">
        <v>113</v>
      </c>
      <c r="P153" s="3" t="s">
        <v>37</v>
      </c>
      <c r="Q153" s="3" t="s">
        <v>37</v>
      </c>
      <c r="R153" s="3" t="s">
        <v>39</v>
      </c>
      <c r="S153" s="3" t="s">
        <v>1333</v>
      </c>
      <c r="T153" s="3" t="s">
        <v>37</v>
      </c>
      <c r="U153" s="3" t="s">
        <v>37</v>
      </c>
      <c r="V153" s="3" t="s">
        <v>37</v>
      </c>
    </row>
    <row r="154" spans="1:22" ht="14.45" customHeight="1" x14ac:dyDescent="0.25">
      <c r="A154" s="3" t="s">
        <v>900</v>
      </c>
      <c r="B154" s="4" t="s">
        <v>514</v>
      </c>
      <c r="C154" s="3" t="s">
        <v>515</v>
      </c>
      <c r="D154" s="5" t="s">
        <v>966</v>
      </c>
      <c r="E154" s="3" t="s">
        <v>982</v>
      </c>
      <c r="F154" s="3" t="s">
        <v>1334</v>
      </c>
      <c r="G154" s="3" t="s">
        <v>72</v>
      </c>
      <c r="H154" s="3" t="s">
        <v>60</v>
      </c>
      <c r="I154" s="3" t="s">
        <v>1335</v>
      </c>
      <c r="J154" s="3" t="s">
        <v>1336</v>
      </c>
      <c r="K154" s="3" t="s">
        <v>32</v>
      </c>
      <c r="L154" s="3" t="s">
        <v>33</v>
      </c>
      <c r="M154" s="3" t="s">
        <v>69</v>
      </c>
      <c r="N154" s="3" t="s">
        <v>53</v>
      </c>
      <c r="O154" s="3" t="s">
        <v>113</v>
      </c>
      <c r="P154" s="3" t="s">
        <v>37</v>
      </c>
      <c r="Q154" s="3" t="s">
        <v>37</v>
      </c>
      <c r="R154" s="3" t="s">
        <v>39</v>
      </c>
      <c r="S154" s="3" t="s">
        <v>1337</v>
      </c>
      <c r="T154" s="3" t="s">
        <v>37</v>
      </c>
      <c r="U154" s="3" t="s">
        <v>37</v>
      </c>
      <c r="V154" s="3" t="s">
        <v>37</v>
      </c>
    </row>
    <row r="155" spans="1:22" ht="14.45" customHeight="1" x14ac:dyDescent="0.25">
      <c r="A155" s="3" t="s">
        <v>900</v>
      </c>
      <c r="B155" s="4" t="s">
        <v>514</v>
      </c>
      <c r="C155" s="3" t="s">
        <v>515</v>
      </c>
      <c r="D155" s="5" t="s">
        <v>1241</v>
      </c>
      <c r="E155" s="3" t="s">
        <v>478</v>
      </c>
      <c r="F155" s="3" t="s">
        <v>1338</v>
      </c>
      <c r="G155" s="3" t="s">
        <v>290</v>
      </c>
      <c r="H155" s="3" t="s">
        <v>29</v>
      </c>
      <c r="I155" s="3" t="s">
        <v>1219</v>
      </c>
      <c r="J155" s="3" t="s">
        <v>1339</v>
      </c>
      <c r="K155" s="3" t="s">
        <v>32</v>
      </c>
      <c r="L155" s="3" t="s">
        <v>1221</v>
      </c>
      <c r="M155" s="3" t="s">
        <v>34</v>
      </c>
      <c r="N155" s="3" t="s">
        <v>131</v>
      </c>
      <c r="O155" s="3" t="s">
        <v>113</v>
      </c>
      <c r="P155" s="3" t="s">
        <v>37</v>
      </c>
      <c r="Q155" s="3" t="s">
        <v>37</v>
      </c>
      <c r="R155" s="3" t="s">
        <v>39</v>
      </c>
      <c r="S155" s="3" t="s">
        <v>1340</v>
      </c>
      <c r="T155" s="3" t="s">
        <v>37</v>
      </c>
      <c r="U155" s="3" t="s">
        <v>37</v>
      </c>
      <c r="V155" s="3" t="s">
        <v>37</v>
      </c>
    </row>
    <row r="156" spans="1:22" ht="14.45" customHeight="1" x14ac:dyDescent="0.25">
      <c r="A156" s="3" t="s">
        <v>900</v>
      </c>
      <c r="B156" s="4" t="s">
        <v>514</v>
      </c>
      <c r="C156" s="3" t="s">
        <v>515</v>
      </c>
      <c r="D156" s="5" t="s">
        <v>971</v>
      </c>
      <c r="E156" s="3" t="s">
        <v>478</v>
      </c>
      <c r="F156" s="3" t="s">
        <v>1341</v>
      </c>
      <c r="G156" s="3" t="s">
        <v>295</v>
      </c>
      <c r="H156" s="3" t="s">
        <v>29</v>
      </c>
      <c r="I156" s="3" t="s">
        <v>1342</v>
      </c>
      <c r="J156" s="3" t="s">
        <v>1343</v>
      </c>
      <c r="K156" s="3" t="s">
        <v>32</v>
      </c>
      <c r="L156" s="3" t="s">
        <v>1221</v>
      </c>
      <c r="M156" s="3" t="s">
        <v>34</v>
      </c>
      <c r="N156" s="3" t="s">
        <v>131</v>
      </c>
      <c r="O156" s="3" t="s">
        <v>113</v>
      </c>
      <c r="P156" s="3" t="s">
        <v>37</v>
      </c>
      <c r="Q156" s="3" t="s">
        <v>37</v>
      </c>
      <c r="R156" s="3" t="s">
        <v>39</v>
      </c>
      <c r="S156" s="3" t="s">
        <v>1344</v>
      </c>
      <c r="T156" s="3" t="s">
        <v>37</v>
      </c>
      <c r="U156" s="3" t="s">
        <v>37</v>
      </c>
      <c r="V156" s="3" t="s">
        <v>37</v>
      </c>
    </row>
    <row r="157" spans="1:22" ht="14.45" customHeight="1" x14ac:dyDescent="0.25">
      <c r="A157" s="3" t="s">
        <v>900</v>
      </c>
      <c r="B157" s="4" t="s">
        <v>514</v>
      </c>
      <c r="C157" s="3" t="s">
        <v>515</v>
      </c>
      <c r="D157" s="5" t="s">
        <v>972</v>
      </c>
      <c r="E157" s="3" t="s">
        <v>478</v>
      </c>
      <c r="F157" s="3" t="s">
        <v>1345</v>
      </c>
      <c r="G157" s="3" t="s">
        <v>163</v>
      </c>
      <c r="H157" s="3" t="s">
        <v>29</v>
      </c>
      <c r="I157" s="3" t="s">
        <v>1243</v>
      </c>
      <c r="J157" s="3" t="s">
        <v>1346</v>
      </c>
      <c r="K157" s="3" t="s">
        <v>32</v>
      </c>
      <c r="L157" s="3" t="s">
        <v>1221</v>
      </c>
      <c r="M157" s="3" t="s">
        <v>34</v>
      </c>
      <c r="N157" s="3" t="s">
        <v>131</v>
      </c>
      <c r="O157" s="3" t="s">
        <v>113</v>
      </c>
      <c r="P157" s="3" t="s">
        <v>37</v>
      </c>
      <c r="Q157" s="3" t="s">
        <v>37</v>
      </c>
      <c r="R157" s="3" t="s">
        <v>39</v>
      </c>
      <c r="S157" s="3" t="s">
        <v>1347</v>
      </c>
      <c r="T157" s="3" t="s">
        <v>37</v>
      </c>
      <c r="U157" s="3" t="s">
        <v>37</v>
      </c>
      <c r="V157" s="3" t="s">
        <v>37</v>
      </c>
    </row>
    <row r="158" spans="1:22" ht="14.45" customHeight="1" x14ac:dyDescent="0.25">
      <c r="A158" s="3" t="s">
        <v>900</v>
      </c>
      <c r="B158" s="4" t="s">
        <v>514</v>
      </c>
      <c r="C158" s="3" t="s">
        <v>515</v>
      </c>
      <c r="D158" s="5" t="s">
        <v>127</v>
      </c>
      <c r="E158" s="3" t="s">
        <v>1024</v>
      </c>
      <c r="F158" s="3" t="s">
        <v>1348</v>
      </c>
      <c r="G158" s="3" t="s">
        <v>50</v>
      </c>
      <c r="H158" s="3" t="s">
        <v>29</v>
      </c>
      <c r="I158" s="3" t="s">
        <v>1253</v>
      </c>
      <c r="J158" s="3" t="s">
        <v>1349</v>
      </c>
      <c r="K158" s="3" t="s">
        <v>32</v>
      </c>
      <c r="L158" s="3" t="s">
        <v>33</v>
      </c>
      <c r="M158" s="3" t="s">
        <v>69</v>
      </c>
      <c r="N158" s="3" t="s">
        <v>53</v>
      </c>
      <c r="O158" s="3" t="s">
        <v>36</v>
      </c>
      <c r="P158" s="3" t="s">
        <v>37</v>
      </c>
      <c r="Q158" s="3" t="s">
        <v>37</v>
      </c>
      <c r="R158" s="3" t="s">
        <v>39</v>
      </c>
      <c r="S158" s="3" t="s">
        <v>1350</v>
      </c>
      <c r="T158" s="3" t="s">
        <v>37</v>
      </c>
      <c r="U158" s="3" t="s">
        <v>37</v>
      </c>
      <c r="V158" s="3" t="s">
        <v>37</v>
      </c>
    </row>
    <row r="159" spans="1:22" ht="14.45" customHeight="1" x14ac:dyDescent="0.25">
      <c r="A159" s="3" t="s">
        <v>900</v>
      </c>
      <c r="B159" s="4" t="s">
        <v>514</v>
      </c>
      <c r="C159" s="3" t="s">
        <v>515</v>
      </c>
      <c r="D159" s="5" t="s">
        <v>431</v>
      </c>
      <c r="E159" s="3" t="s">
        <v>1024</v>
      </c>
      <c r="F159" s="3" t="s">
        <v>1351</v>
      </c>
      <c r="G159" s="3" t="s">
        <v>180</v>
      </c>
      <c r="H159" s="3" t="s">
        <v>29</v>
      </c>
      <c r="I159" s="3" t="s">
        <v>1253</v>
      </c>
      <c r="J159" s="3" t="s">
        <v>1352</v>
      </c>
      <c r="K159" s="3" t="s">
        <v>32</v>
      </c>
      <c r="L159" s="3" t="s">
        <v>33</v>
      </c>
      <c r="M159" s="3" t="s">
        <v>69</v>
      </c>
      <c r="N159" s="3" t="s">
        <v>53</v>
      </c>
      <c r="O159" s="3" t="s">
        <v>36</v>
      </c>
      <c r="P159" s="3" t="s">
        <v>37</v>
      </c>
      <c r="Q159" s="3" t="s">
        <v>37</v>
      </c>
      <c r="R159" s="3" t="s">
        <v>39</v>
      </c>
      <c r="S159" s="3" t="s">
        <v>1353</v>
      </c>
      <c r="T159" s="3" t="s">
        <v>37</v>
      </c>
      <c r="U159" s="3" t="s">
        <v>37</v>
      </c>
      <c r="V159" s="3" t="s">
        <v>37</v>
      </c>
    </row>
    <row r="160" spans="1:22" ht="14.45" customHeight="1" x14ac:dyDescent="0.25">
      <c r="A160" s="3" t="s">
        <v>900</v>
      </c>
      <c r="B160" s="4" t="s">
        <v>514</v>
      </c>
      <c r="C160" s="3" t="s">
        <v>515</v>
      </c>
      <c r="D160" s="5" t="s">
        <v>138</v>
      </c>
      <c r="E160" s="3" t="s">
        <v>924</v>
      </c>
      <c r="F160" s="3" t="s">
        <v>1096</v>
      </c>
      <c r="G160" s="3" t="s">
        <v>443</v>
      </c>
      <c r="H160" s="3" t="s">
        <v>29</v>
      </c>
      <c r="I160" s="3" t="s">
        <v>1354</v>
      </c>
      <c r="J160" s="3" t="s">
        <v>1097</v>
      </c>
      <c r="K160" s="3" t="s">
        <v>32</v>
      </c>
      <c r="L160" s="3" t="s">
        <v>33</v>
      </c>
      <c r="M160" s="3" t="s">
        <v>928</v>
      </c>
      <c r="N160" s="3" t="s">
        <v>159</v>
      </c>
      <c r="O160" s="3" t="s">
        <v>166</v>
      </c>
      <c r="P160" s="3" t="s">
        <v>37</v>
      </c>
      <c r="Q160" s="3" t="s">
        <v>37</v>
      </c>
      <c r="R160" s="3" t="s">
        <v>39</v>
      </c>
      <c r="S160" s="3" t="s">
        <v>1098</v>
      </c>
      <c r="T160" s="3" t="s">
        <v>37</v>
      </c>
      <c r="U160" s="3" t="s">
        <v>37</v>
      </c>
      <c r="V160" s="3" t="s">
        <v>37</v>
      </c>
    </row>
    <row r="161" spans="1:22" ht="14.45" customHeight="1" x14ac:dyDescent="0.25">
      <c r="A161" s="3" t="s">
        <v>900</v>
      </c>
      <c r="B161" s="4" t="s">
        <v>514</v>
      </c>
      <c r="C161" s="3" t="s">
        <v>515</v>
      </c>
      <c r="D161" s="5" t="s">
        <v>684</v>
      </c>
      <c r="E161" s="3" t="s">
        <v>924</v>
      </c>
      <c r="F161" s="3" t="s">
        <v>1355</v>
      </c>
      <c r="G161" s="3" t="s">
        <v>628</v>
      </c>
      <c r="H161" s="3" t="s">
        <v>29</v>
      </c>
      <c r="I161" s="3" t="s">
        <v>1356</v>
      </c>
      <c r="J161" s="7" t="s">
        <v>927</v>
      </c>
      <c r="K161" s="3" t="s">
        <v>32</v>
      </c>
      <c r="L161" s="3" t="s">
        <v>33</v>
      </c>
      <c r="M161" s="3" t="s">
        <v>928</v>
      </c>
      <c r="N161" s="3" t="s">
        <v>159</v>
      </c>
      <c r="O161" s="3" t="s">
        <v>166</v>
      </c>
      <c r="P161" s="3" t="s">
        <v>37</v>
      </c>
      <c r="Q161" s="3" t="s">
        <v>37</v>
      </c>
      <c r="R161" s="3" t="s">
        <v>39</v>
      </c>
      <c r="S161" s="3" t="s">
        <v>1357</v>
      </c>
      <c r="T161" s="3" t="s">
        <v>37</v>
      </c>
      <c r="U161" s="3" t="s">
        <v>37</v>
      </c>
      <c r="V161" s="3" t="s">
        <v>37</v>
      </c>
    </row>
    <row r="162" spans="1:22" ht="14.45" customHeight="1" x14ac:dyDescent="0.25">
      <c r="A162" s="3" t="s">
        <v>900</v>
      </c>
      <c r="B162" s="4" t="s">
        <v>514</v>
      </c>
      <c r="C162" s="3" t="s">
        <v>515</v>
      </c>
      <c r="D162" s="5" t="s">
        <v>1261</v>
      </c>
      <c r="E162" s="3" t="s">
        <v>924</v>
      </c>
      <c r="F162" s="3" t="s">
        <v>1358</v>
      </c>
      <c r="G162" s="3" t="s">
        <v>812</v>
      </c>
      <c r="H162" s="3" t="s">
        <v>29</v>
      </c>
      <c r="I162" s="3" t="s">
        <v>1356</v>
      </c>
      <c r="J162" s="7" t="s">
        <v>927</v>
      </c>
      <c r="K162" s="3" t="s">
        <v>32</v>
      </c>
      <c r="L162" s="3" t="s">
        <v>33</v>
      </c>
      <c r="M162" s="3" t="s">
        <v>928</v>
      </c>
      <c r="N162" s="3" t="s">
        <v>159</v>
      </c>
      <c r="O162" s="3" t="s">
        <v>166</v>
      </c>
      <c r="P162" s="3" t="s">
        <v>37</v>
      </c>
      <c r="Q162" s="3" t="s">
        <v>37</v>
      </c>
      <c r="R162" s="3" t="s">
        <v>39</v>
      </c>
      <c r="S162" s="3" t="s">
        <v>1359</v>
      </c>
      <c r="T162" s="3" t="s">
        <v>37</v>
      </c>
      <c r="U162" s="3" t="s">
        <v>37</v>
      </c>
      <c r="V162" s="3" t="s">
        <v>37</v>
      </c>
    </row>
    <row r="163" spans="1:22" ht="14.45" customHeight="1" x14ac:dyDescent="0.25">
      <c r="A163" s="3" t="s">
        <v>900</v>
      </c>
      <c r="B163" s="4" t="s">
        <v>514</v>
      </c>
      <c r="C163" s="3" t="s">
        <v>515</v>
      </c>
      <c r="D163" s="5" t="s">
        <v>992</v>
      </c>
      <c r="E163" s="3" t="s">
        <v>924</v>
      </c>
      <c r="F163" s="3" t="s">
        <v>1266</v>
      </c>
      <c r="G163" s="3" t="s">
        <v>253</v>
      </c>
      <c r="H163" s="3" t="s">
        <v>29</v>
      </c>
      <c r="I163" s="3" t="s">
        <v>1356</v>
      </c>
      <c r="J163" s="7" t="s">
        <v>927</v>
      </c>
      <c r="K163" s="3" t="s">
        <v>32</v>
      </c>
      <c r="L163" s="3" t="s">
        <v>33</v>
      </c>
      <c r="M163" s="3" t="s">
        <v>928</v>
      </c>
      <c r="N163" s="3" t="s">
        <v>159</v>
      </c>
      <c r="O163" s="3" t="s">
        <v>166</v>
      </c>
      <c r="P163" s="3" t="s">
        <v>37</v>
      </c>
      <c r="Q163" s="3" t="s">
        <v>37</v>
      </c>
      <c r="R163" s="3" t="s">
        <v>39</v>
      </c>
      <c r="S163" s="3" t="s">
        <v>1267</v>
      </c>
      <c r="T163" s="3" t="s">
        <v>37</v>
      </c>
      <c r="U163" s="3" t="s">
        <v>37</v>
      </c>
      <c r="V163" s="3" t="s">
        <v>37</v>
      </c>
    </row>
    <row r="164" spans="1:22" ht="14.45" customHeight="1" x14ac:dyDescent="0.25">
      <c r="A164" s="3" t="s">
        <v>900</v>
      </c>
      <c r="B164" s="4" t="s">
        <v>514</v>
      </c>
      <c r="C164" s="3" t="s">
        <v>515</v>
      </c>
      <c r="D164" s="5" t="s">
        <v>1263</v>
      </c>
      <c r="E164" s="3" t="s">
        <v>924</v>
      </c>
      <c r="F164" s="3" t="s">
        <v>1214</v>
      </c>
      <c r="G164" s="3" t="s">
        <v>157</v>
      </c>
      <c r="H164" s="3" t="s">
        <v>29</v>
      </c>
      <c r="I164" s="3" t="s">
        <v>1356</v>
      </c>
      <c r="J164" s="7" t="s">
        <v>927</v>
      </c>
      <c r="K164" s="3" t="s">
        <v>32</v>
      </c>
      <c r="L164" s="3" t="s">
        <v>33</v>
      </c>
      <c r="M164" s="3" t="s">
        <v>928</v>
      </c>
      <c r="N164" s="3" t="s">
        <v>159</v>
      </c>
      <c r="O164" s="3" t="s">
        <v>166</v>
      </c>
      <c r="P164" s="3" t="s">
        <v>37</v>
      </c>
      <c r="Q164" s="3" t="s">
        <v>37</v>
      </c>
      <c r="R164" s="3" t="s">
        <v>39</v>
      </c>
      <c r="S164" s="3" t="s">
        <v>1215</v>
      </c>
      <c r="T164" s="3" t="s">
        <v>37</v>
      </c>
      <c r="U164" s="3" t="s">
        <v>37</v>
      </c>
      <c r="V164" s="3" t="s">
        <v>37</v>
      </c>
    </row>
    <row r="165" spans="1:22" ht="14.45" customHeight="1" x14ac:dyDescent="0.25">
      <c r="A165" s="3" t="s">
        <v>900</v>
      </c>
      <c r="B165" s="4" t="s">
        <v>514</v>
      </c>
      <c r="C165" s="3" t="s">
        <v>515</v>
      </c>
      <c r="D165" s="5" t="s">
        <v>152</v>
      </c>
      <c r="E165" s="3" t="s">
        <v>924</v>
      </c>
      <c r="F165" s="3" t="s">
        <v>1069</v>
      </c>
      <c r="G165" s="3" t="s">
        <v>242</v>
      </c>
      <c r="H165" s="3" t="s">
        <v>29</v>
      </c>
      <c r="I165" s="3" t="s">
        <v>1356</v>
      </c>
      <c r="J165" s="7" t="s">
        <v>927</v>
      </c>
      <c r="K165" s="3" t="s">
        <v>32</v>
      </c>
      <c r="L165" s="3" t="s">
        <v>33</v>
      </c>
      <c r="M165" s="3" t="s">
        <v>928</v>
      </c>
      <c r="N165" s="3" t="s">
        <v>159</v>
      </c>
      <c r="O165" s="3" t="s">
        <v>166</v>
      </c>
      <c r="P165" s="3" t="s">
        <v>37</v>
      </c>
      <c r="Q165" s="3" t="s">
        <v>37</v>
      </c>
      <c r="R165" s="3" t="s">
        <v>39</v>
      </c>
      <c r="S165" s="3" t="s">
        <v>1262</v>
      </c>
      <c r="T165" s="3" t="s">
        <v>37</v>
      </c>
      <c r="U165" s="3" t="s">
        <v>37</v>
      </c>
      <c r="V165" s="3" t="s">
        <v>37</v>
      </c>
    </row>
    <row r="166" spans="1:22" ht="14.45" customHeight="1" x14ac:dyDescent="0.25">
      <c r="A166" s="3" t="s">
        <v>900</v>
      </c>
      <c r="B166" s="4" t="s">
        <v>514</v>
      </c>
      <c r="C166" s="3" t="s">
        <v>515</v>
      </c>
      <c r="D166" s="5" t="s">
        <v>154</v>
      </c>
      <c r="E166" s="3" t="s">
        <v>919</v>
      </c>
      <c r="F166" s="3" t="s">
        <v>1324</v>
      </c>
      <c r="G166" s="3" t="s">
        <v>60</v>
      </c>
      <c r="H166" s="3" t="s">
        <v>29</v>
      </c>
      <c r="I166" s="3" t="s">
        <v>37</v>
      </c>
      <c r="J166" s="3" t="s">
        <v>1325</v>
      </c>
      <c r="K166" s="3" t="s">
        <v>32</v>
      </c>
      <c r="L166" s="3" t="s">
        <v>33</v>
      </c>
      <c r="M166" s="3" t="s">
        <v>69</v>
      </c>
      <c r="N166" s="3" t="s">
        <v>53</v>
      </c>
      <c r="O166" s="3" t="s">
        <v>54</v>
      </c>
      <c r="P166" s="3" t="s">
        <v>37</v>
      </c>
      <c r="Q166" s="3" t="s">
        <v>37</v>
      </c>
      <c r="R166" s="3" t="s">
        <v>39</v>
      </c>
      <c r="S166" s="3" t="s">
        <v>1326</v>
      </c>
      <c r="T166" s="3" t="s">
        <v>37</v>
      </c>
      <c r="U166" s="3" t="s">
        <v>37</v>
      </c>
      <c r="V166" s="3" t="s">
        <v>37</v>
      </c>
    </row>
    <row r="167" spans="1:22" ht="14.45" customHeight="1" x14ac:dyDescent="0.25">
      <c r="A167" s="3" t="s">
        <v>900</v>
      </c>
      <c r="B167" s="4" t="s">
        <v>514</v>
      </c>
      <c r="C167" s="3" t="s">
        <v>515</v>
      </c>
      <c r="D167" s="5" t="s">
        <v>161</v>
      </c>
      <c r="E167" s="3" t="s">
        <v>478</v>
      </c>
      <c r="F167" s="3" t="s">
        <v>1047</v>
      </c>
      <c r="G167" s="3" t="s">
        <v>903</v>
      </c>
      <c r="H167" s="3" t="s">
        <v>180</v>
      </c>
      <c r="I167" s="3" t="s">
        <v>37</v>
      </c>
      <c r="J167" s="3" t="s">
        <v>1048</v>
      </c>
      <c r="K167" s="3" t="s">
        <v>32</v>
      </c>
      <c r="L167" s="3" t="s">
        <v>33</v>
      </c>
      <c r="M167" s="3" t="s">
        <v>34</v>
      </c>
      <c r="N167" s="3" t="s">
        <v>159</v>
      </c>
      <c r="O167" s="3" t="s">
        <v>37</v>
      </c>
      <c r="P167" s="3" t="s">
        <v>37</v>
      </c>
      <c r="Q167" s="3" t="s">
        <v>37</v>
      </c>
      <c r="R167" s="3" t="s">
        <v>39</v>
      </c>
      <c r="S167" s="3" t="s">
        <v>1049</v>
      </c>
      <c r="T167" s="3" t="s">
        <v>37</v>
      </c>
      <c r="U167" s="3" t="s">
        <v>37</v>
      </c>
      <c r="V167" s="3" t="s">
        <v>37</v>
      </c>
    </row>
    <row r="168" spans="1:22" ht="14.45" customHeight="1" x14ac:dyDescent="0.25">
      <c r="A168" s="3" t="s">
        <v>900</v>
      </c>
      <c r="B168" s="4" t="s">
        <v>514</v>
      </c>
      <c r="C168" s="3" t="s">
        <v>515</v>
      </c>
      <c r="D168" s="5" t="s">
        <v>1009</v>
      </c>
      <c r="E168" s="3" t="s">
        <v>924</v>
      </c>
      <c r="F168" s="3" t="s">
        <v>1073</v>
      </c>
      <c r="G168" s="3" t="s">
        <v>369</v>
      </c>
      <c r="H168" s="3" t="s">
        <v>29</v>
      </c>
      <c r="I168" s="3" t="s">
        <v>1356</v>
      </c>
      <c r="J168" s="7" t="s">
        <v>927</v>
      </c>
      <c r="K168" s="3" t="s">
        <v>32</v>
      </c>
      <c r="L168" s="3" t="s">
        <v>33</v>
      </c>
      <c r="M168" s="3" t="s">
        <v>928</v>
      </c>
      <c r="N168" s="3" t="s">
        <v>159</v>
      </c>
      <c r="O168" s="3" t="s">
        <v>166</v>
      </c>
      <c r="P168" s="3" t="s">
        <v>37</v>
      </c>
      <c r="Q168" s="3" t="s">
        <v>37</v>
      </c>
      <c r="R168" s="3" t="s">
        <v>39</v>
      </c>
      <c r="S168" s="3" t="s">
        <v>1360</v>
      </c>
      <c r="T168" s="3" t="s">
        <v>126</v>
      </c>
      <c r="U168" s="3" t="s">
        <v>37</v>
      </c>
      <c r="V168" s="3" t="s">
        <v>37</v>
      </c>
    </row>
    <row r="169" spans="1:22" ht="14.45" customHeight="1" x14ac:dyDescent="0.25">
      <c r="A169" s="3" t="s">
        <v>900</v>
      </c>
      <c r="B169" s="4" t="s">
        <v>514</v>
      </c>
      <c r="C169" s="3" t="s">
        <v>515</v>
      </c>
      <c r="D169" s="5" t="s">
        <v>172</v>
      </c>
      <c r="E169" s="3" t="s">
        <v>924</v>
      </c>
      <c r="F169" s="3" t="s">
        <v>1216</v>
      </c>
      <c r="G169" s="3" t="s">
        <v>98</v>
      </c>
      <c r="H169" s="3" t="s">
        <v>29</v>
      </c>
      <c r="I169" s="3" t="s">
        <v>1354</v>
      </c>
      <c r="J169" s="7" t="s">
        <v>927</v>
      </c>
      <c r="K169" s="3" t="s">
        <v>32</v>
      </c>
      <c r="L169" s="3" t="s">
        <v>33</v>
      </c>
      <c r="M169" s="3" t="s">
        <v>928</v>
      </c>
      <c r="N169" s="3" t="s">
        <v>159</v>
      </c>
      <c r="O169" s="3" t="s">
        <v>166</v>
      </c>
      <c r="P169" s="3" t="s">
        <v>37</v>
      </c>
      <c r="Q169" s="3" t="s">
        <v>37</v>
      </c>
      <c r="R169" s="3" t="s">
        <v>39</v>
      </c>
      <c r="S169" s="3" t="s">
        <v>1217</v>
      </c>
      <c r="T169" s="3" t="s">
        <v>37</v>
      </c>
      <c r="U169" s="3" t="s">
        <v>37</v>
      </c>
      <c r="V169" s="3" t="s">
        <v>37</v>
      </c>
    </row>
    <row r="170" spans="1:22" ht="14.45" customHeight="1" x14ac:dyDescent="0.25">
      <c r="A170" s="3" t="s">
        <v>900</v>
      </c>
      <c r="B170" s="4" t="s">
        <v>514</v>
      </c>
      <c r="C170" s="3" t="s">
        <v>515</v>
      </c>
      <c r="D170" s="5" t="s">
        <v>1014</v>
      </c>
      <c r="E170" s="3" t="s">
        <v>924</v>
      </c>
      <c r="F170" s="3" t="s">
        <v>1264</v>
      </c>
      <c r="G170" s="3" t="s">
        <v>582</v>
      </c>
      <c r="H170" s="3" t="s">
        <v>29</v>
      </c>
      <c r="I170" s="3" t="s">
        <v>1356</v>
      </c>
      <c r="J170" s="7" t="s">
        <v>927</v>
      </c>
      <c r="K170" s="3" t="s">
        <v>32</v>
      </c>
      <c r="L170" s="3" t="s">
        <v>33</v>
      </c>
      <c r="M170" s="3" t="s">
        <v>928</v>
      </c>
      <c r="N170" s="3" t="s">
        <v>159</v>
      </c>
      <c r="O170" s="3" t="s">
        <v>166</v>
      </c>
      <c r="P170" s="3" t="s">
        <v>37</v>
      </c>
      <c r="Q170" s="3" t="s">
        <v>37</v>
      </c>
      <c r="R170" s="3" t="s">
        <v>39</v>
      </c>
      <c r="S170" s="3" t="s">
        <v>1265</v>
      </c>
      <c r="T170" s="3" t="s">
        <v>37</v>
      </c>
      <c r="U170" s="3" t="s">
        <v>37</v>
      </c>
      <c r="V170" s="3" t="s">
        <v>37</v>
      </c>
    </row>
    <row r="171" spans="1:22" ht="14.45" customHeight="1" x14ac:dyDescent="0.25">
      <c r="A171" s="3" t="s">
        <v>900</v>
      </c>
      <c r="B171" s="4" t="s">
        <v>514</v>
      </c>
      <c r="C171" s="3" t="s">
        <v>515</v>
      </c>
      <c r="D171" s="5" t="s">
        <v>1018</v>
      </c>
      <c r="E171" s="3" t="s">
        <v>949</v>
      </c>
      <c r="F171" s="3" t="s">
        <v>1273</v>
      </c>
      <c r="G171" s="3" t="s">
        <v>1311</v>
      </c>
      <c r="H171" s="3" t="s">
        <v>50</v>
      </c>
      <c r="I171" s="3" t="s">
        <v>37</v>
      </c>
      <c r="J171" s="3" t="s">
        <v>1275</v>
      </c>
      <c r="K171" s="3" t="s">
        <v>32</v>
      </c>
      <c r="L171" s="3" t="s">
        <v>33</v>
      </c>
      <c r="M171" s="3" t="s">
        <v>69</v>
      </c>
      <c r="N171" s="3" t="s">
        <v>159</v>
      </c>
      <c r="O171" s="3" t="s">
        <v>37</v>
      </c>
      <c r="P171" s="3" t="s">
        <v>37</v>
      </c>
      <c r="Q171" s="3" t="s">
        <v>37</v>
      </c>
      <c r="R171" s="3" t="s">
        <v>39</v>
      </c>
      <c r="S171" s="3" t="s">
        <v>1361</v>
      </c>
      <c r="T171" s="3" t="s">
        <v>126</v>
      </c>
      <c r="U171" s="3" t="s">
        <v>37</v>
      </c>
      <c r="V171" s="3" t="s">
        <v>37</v>
      </c>
    </row>
    <row r="172" spans="1:22" ht="14.45" customHeight="1" x14ac:dyDescent="0.25">
      <c r="A172" s="3" t="s">
        <v>900</v>
      </c>
      <c r="B172" s="4" t="s">
        <v>514</v>
      </c>
      <c r="C172" s="3" t="s">
        <v>515</v>
      </c>
      <c r="D172" s="5" t="s">
        <v>176</v>
      </c>
      <c r="E172" s="3" t="s">
        <v>949</v>
      </c>
      <c r="F172" s="3" t="s">
        <v>1273</v>
      </c>
      <c r="G172" s="3" t="s">
        <v>1274</v>
      </c>
      <c r="H172" s="3" t="s">
        <v>50</v>
      </c>
      <c r="I172" s="3" t="s">
        <v>37</v>
      </c>
      <c r="J172" s="3" t="s">
        <v>1275</v>
      </c>
      <c r="K172" s="3" t="s">
        <v>32</v>
      </c>
      <c r="L172" s="3" t="s">
        <v>33</v>
      </c>
      <c r="M172" s="3" t="s">
        <v>69</v>
      </c>
      <c r="N172" s="3" t="s">
        <v>159</v>
      </c>
      <c r="O172" s="3" t="s">
        <v>37</v>
      </c>
      <c r="P172" s="3" t="s">
        <v>37</v>
      </c>
      <c r="Q172" s="3" t="s">
        <v>37</v>
      </c>
      <c r="R172" s="3" t="s">
        <v>39</v>
      </c>
      <c r="S172" s="3" t="s">
        <v>1276</v>
      </c>
      <c r="T172" s="3" t="s">
        <v>37</v>
      </c>
      <c r="U172" s="3" t="s">
        <v>37</v>
      </c>
      <c r="V172" s="3" t="s">
        <v>37</v>
      </c>
    </row>
    <row r="173" spans="1:22" ht="14.45" customHeight="1" x14ac:dyDescent="0.25">
      <c r="A173" s="3" t="s">
        <v>900</v>
      </c>
      <c r="B173" s="4" t="s">
        <v>514</v>
      </c>
      <c r="C173" s="3" t="s">
        <v>515</v>
      </c>
      <c r="D173" s="5" t="s">
        <v>1023</v>
      </c>
      <c r="E173" s="3" t="s">
        <v>1024</v>
      </c>
      <c r="F173" s="3" t="s">
        <v>1362</v>
      </c>
      <c r="G173" s="3" t="s">
        <v>480</v>
      </c>
      <c r="H173" s="3" t="s">
        <v>60</v>
      </c>
      <c r="I173" s="3" t="s">
        <v>1363</v>
      </c>
      <c r="J173" s="3" t="s">
        <v>1282</v>
      </c>
      <c r="K173" s="3" t="s">
        <v>32</v>
      </c>
      <c r="L173" s="3" t="s">
        <v>33</v>
      </c>
      <c r="M173" s="3" t="s">
        <v>69</v>
      </c>
      <c r="N173" s="3" t="s">
        <v>159</v>
      </c>
      <c r="O173" s="3" t="s">
        <v>37</v>
      </c>
      <c r="P173" s="3" t="s">
        <v>37</v>
      </c>
      <c r="Q173" s="3" t="s">
        <v>37</v>
      </c>
      <c r="R173" s="3" t="s">
        <v>39</v>
      </c>
      <c r="S173" s="3" t="s">
        <v>1364</v>
      </c>
      <c r="T173" s="3" t="s">
        <v>126</v>
      </c>
      <c r="U173" s="3" t="s">
        <v>37</v>
      </c>
      <c r="V173" s="3" t="s">
        <v>37</v>
      </c>
    </row>
    <row r="174" spans="1:22" ht="14.45" customHeight="1" x14ac:dyDescent="0.25">
      <c r="A174" s="3" t="s">
        <v>900</v>
      </c>
      <c r="B174" s="4" t="s">
        <v>514</v>
      </c>
      <c r="C174" s="3" t="s">
        <v>515</v>
      </c>
      <c r="D174" s="5" t="s">
        <v>1284</v>
      </c>
      <c r="E174" s="3" t="s">
        <v>1024</v>
      </c>
      <c r="F174" s="3" t="s">
        <v>1281</v>
      </c>
      <c r="G174" s="3" t="s">
        <v>411</v>
      </c>
      <c r="H174" s="3" t="s">
        <v>60</v>
      </c>
      <c r="I174" s="3" t="s">
        <v>1365</v>
      </c>
      <c r="J174" s="3" t="s">
        <v>1282</v>
      </c>
      <c r="K174" s="3" t="s">
        <v>32</v>
      </c>
      <c r="L174" s="3" t="s">
        <v>33</v>
      </c>
      <c r="M174" s="3" t="s">
        <v>69</v>
      </c>
      <c r="N174" s="3" t="s">
        <v>159</v>
      </c>
      <c r="O174" s="3" t="s">
        <v>37</v>
      </c>
      <c r="P174" s="3" t="s">
        <v>37</v>
      </c>
      <c r="Q174" s="3" t="s">
        <v>37</v>
      </c>
      <c r="R174" s="3" t="s">
        <v>39</v>
      </c>
      <c r="S174" s="3" t="s">
        <v>1283</v>
      </c>
      <c r="T174" s="3" t="s">
        <v>37</v>
      </c>
      <c r="U174" s="3" t="s">
        <v>37</v>
      </c>
      <c r="V174" s="3" t="s">
        <v>37</v>
      </c>
    </row>
    <row r="175" spans="1:22" ht="14.45" customHeight="1" x14ac:dyDescent="0.25">
      <c r="A175" s="3" t="s">
        <v>900</v>
      </c>
      <c r="B175" s="4" t="s">
        <v>514</v>
      </c>
      <c r="C175" s="3" t="s">
        <v>515</v>
      </c>
      <c r="D175" s="5" t="s">
        <v>1029</v>
      </c>
      <c r="E175" s="3" t="s">
        <v>978</v>
      </c>
      <c r="F175" s="3" t="s">
        <v>1366</v>
      </c>
      <c r="G175" s="3" t="s">
        <v>281</v>
      </c>
      <c r="H175" s="3" t="s">
        <v>60</v>
      </c>
      <c r="I175" s="3" t="s">
        <v>37</v>
      </c>
      <c r="J175" s="3" t="s">
        <v>1367</v>
      </c>
      <c r="K175" s="3" t="s">
        <v>32</v>
      </c>
      <c r="L175" s="3" t="s">
        <v>33</v>
      </c>
      <c r="M175" s="3" t="s">
        <v>69</v>
      </c>
      <c r="N175" s="3" t="s">
        <v>53</v>
      </c>
      <c r="O175" s="3" t="s">
        <v>113</v>
      </c>
      <c r="P175" s="3" t="s">
        <v>37</v>
      </c>
      <c r="Q175" s="3" t="s">
        <v>37</v>
      </c>
      <c r="R175" s="3" t="s">
        <v>39</v>
      </c>
      <c r="S175" s="3" t="s">
        <v>1368</v>
      </c>
      <c r="T175" s="3" t="s">
        <v>37</v>
      </c>
      <c r="U175" s="3" t="s">
        <v>37</v>
      </c>
      <c r="V175" s="3" t="s">
        <v>37</v>
      </c>
    </row>
    <row r="176" spans="1:22" ht="14.45" customHeight="1" x14ac:dyDescent="0.25">
      <c r="A176" s="3" t="s">
        <v>900</v>
      </c>
      <c r="B176" s="4" t="s">
        <v>514</v>
      </c>
      <c r="C176" s="3" t="s">
        <v>515</v>
      </c>
      <c r="D176" s="5" t="s">
        <v>1287</v>
      </c>
      <c r="E176" s="3" t="s">
        <v>478</v>
      </c>
      <c r="F176" s="3" t="s">
        <v>1047</v>
      </c>
      <c r="G176" s="3" t="s">
        <v>903</v>
      </c>
      <c r="H176" s="3" t="s">
        <v>180</v>
      </c>
      <c r="I176" s="3" t="s">
        <v>37</v>
      </c>
      <c r="J176" s="3" t="s">
        <v>1048</v>
      </c>
      <c r="K176" s="3" t="s">
        <v>32</v>
      </c>
      <c r="L176" s="3" t="s">
        <v>33</v>
      </c>
      <c r="M176" s="3" t="s">
        <v>34</v>
      </c>
      <c r="N176" s="3" t="s">
        <v>159</v>
      </c>
      <c r="O176" s="3" t="s">
        <v>37</v>
      </c>
      <c r="P176" s="3" t="s">
        <v>37</v>
      </c>
      <c r="Q176" s="3" t="s">
        <v>37</v>
      </c>
      <c r="R176" s="3" t="s">
        <v>39</v>
      </c>
      <c r="S176" s="3" t="s">
        <v>1049</v>
      </c>
      <c r="T176" s="3" t="s">
        <v>37</v>
      </c>
      <c r="U176" s="3" t="s">
        <v>37</v>
      </c>
      <c r="V176" s="3" t="s">
        <v>37</v>
      </c>
    </row>
    <row r="177" spans="1:22" ht="14.45" customHeight="1" x14ac:dyDescent="0.25">
      <c r="A177" s="3" t="s">
        <v>900</v>
      </c>
      <c r="B177" s="4" t="s">
        <v>514</v>
      </c>
      <c r="C177" s="3" t="s">
        <v>515</v>
      </c>
      <c r="D177" s="5" t="s">
        <v>1030</v>
      </c>
      <c r="E177" s="3" t="s">
        <v>1004</v>
      </c>
      <c r="F177" s="3" t="s">
        <v>1369</v>
      </c>
      <c r="G177" s="3" t="s">
        <v>317</v>
      </c>
      <c r="H177" s="3" t="s">
        <v>60</v>
      </c>
      <c r="I177" s="3" t="s">
        <v>37</v>
      </c>
      <c r="J177" s="3" t="s">
        <v>1370</v>
      </c>
      <c r="K177" s="3" t="s">
        <v>32</v>
      </c>
      <c r="L177" s="3" t="s">
        <v>33</v>
      </c>
      <c r="M177" s="3" t="s">
        <v>69</v>
      </c>
      <c r="N177" s="3" t="s">
        <v>79</v>
      </c>
      <c r="O177" s="3" t="s">
        <v>54</v>
      </c>
      <c r="P177" s="3" t="s">
        <v>55</v>
      </c>
      <c r="Q177" s="3" t="s">
        <v>37</v>
      </c>
      <c r="R177" s="3" t="s">
        <v>39</v>
      </c>
      <c r="S177" s="3" t="s">
        <v>1371</v>
      </c>
      <c r="T177" s="3" t="s">
        <v>37</v>
      </c>
      <c r="U177" s="3" t="s">
        <v>37</v>
      </c>
      <c r="V177" s="3" t="s">
        <v>37</v>
      </c>
    </row>
    <row r="178" spans="1:22" ht="14.45" customHeight="1" x14ac:dyDescent="0.25">
      <c r="A178" s="3" t="s">
        <v>900</v>
      </c>
      <c r="B178" s="4" t="s">
        <v>514</v>
      </c>
      <c r="C178" s="3" t="s">
        <v>515</v>
      </c>
      <c r="D178" s="5" t="s">
        <v>333</v>
      </c>
      <c r="E178" s="3" t="s">
        <v>993</v>
      </c>
      <c r="F178" s="3" t="s">
        <v>1372</v>
      </c>
      <c r="G178" s="3" t="s">
        <v>1296</v>
      </c>
      <c r="H178" s="3" t="s">
        <v>50</v>
      </c>
      <c r="I178" s="3" t="s">
        <v>996</v>
      </c>
      <c r="J178" s="3" t="s">
        <v>1373</v>
      </c>
      <c r="K178" s="3" t="s">
        <v>32</v>
      </c>
      <c r="L178" s="3" t="s">
        <v>33</v>
      </c>
      <c r="M178" s="3" t="s">
        <v>69</v>
      </c>
      <c r="N178" s="3" t="s">
        <v>131</v>
      </c>
      <c r="O178" s="3" t="s">
        <v>36</v>
      </c>
      <c r="P178" s="3" t="s">
        <v>37</v>
      </c>
      <c r="Q178" s="3" t="s">
        <v>37</v>
      </c>
      <c r="R178" s="3" t="s">
        <v>39</v>
      </c>
      <c r="S178" s="3" t="s">
        <v>1374</v>
      </c>
      <c r="T178" s="3" t="s">
        <v>37</v>
      </c>
      <c r="U178" s="3" t="s">
        <v>37</v>
      </c>
      <c r="V178" s="3" t="s">
        <v>37</v>
      </c>
    </row>
    <row r="179" spans="1:22" ht="14.45" customHeight="1" x14ac:dyDescent="0.25">
      <c r="A179" s="3" t="s">
        <v>900</v>
      </c>
      <c r="B179" s="4" t="s">
        <v>514</v>
      </c>
      <c r="C179" s="3" t="s">
        <v>515</v>
      </c>
      <c r="D179" s="5" t="s">
        <v>193</v>
      </c>
      <c r="E179" s="3" t="s">
        <v>987</v>
      </c>
      <c r="F179" s="3" t="s">
        <v>1375</v>
      </c>
      <c r="G179" s="3" t="s">
        <v>1278</v>
      </c>
      <c r="H179" s="3" t="s">
        <v>50</v>
      </c>
      <c r="I179" s="3" t="s">
        <v>1376</v>
      </c>
      <c r="J179" s="3" t="s">
        <v>1377</v>
      </c>
      <c r="K179" s="3" t="s">
        <v>32</v>
      </c>
      <c r="L179" s="3" t="s">
        <v>33</v>
      </c>
      <c r="M179" s="3" t="s">
        <v>69</v>
      </c>
      <c r="N179" s="3" t="s">
        <v>212</v>
      </c>
      <c r="O179" s="3" t="s">
        <v>113</v>
      </c>
      <c r="P179" s="3" t="s">
        <v>37</v>
      </c>
      <c r="Q179" s="3" t="s">
        <v>37</v>
      </c>
      <c r="R179" s="3" t="s">
        <v>39</v>
      </c>
      <c r="S179" s="3" t="s">
        <v>1378</v>
      </c>
      <c r="T179" s="3" t="s">
        <v>37</v>
      </c>
      <c r="U179" s="3" t="s">
        <v>37</v>
      </c>
      <c r="V179" s="3" t="s">
        <v>37</v>
      </c>
    </row>
    <row r="180" spans="1:22" ht="14.45" customHeight="1" x14ac:dyDescent="0.25">
      <c r="A180" s="3" t="s">
        <v>900</v>
      </c>
      <c r="B180" s="4" t="s">
        <v>514</v>
      </c>
      <c r="C180" s="3" t="s">
        <v>515</v>
      </c>
      <c r="D180" s="5" t="s">
        <v>477</v>
      </c>
      <c r="E180" s="3" t="s">
        <v>924</v>
      </c>
      <c r="F180" s="3" t="s">
        <v>1216</v>
      </c>
      <c r="G180" s="3" t="s">
        <v>98</v>
      </c>
      <c r="H180" s="3" t="s">
        <v>29</v>
      </c>
      <c r="I180" s="3" t="s">
        <v>1354</v>
      </c>
      <c r="J180" s="7" t="s">
        <v>927</v>
      </c>
      <c r="K180" s="3" t="s">
        <v>32</v>
      </c>
      <c r="L180" s="3" t="s">
        <v>33</v>
      </c>
      <c r="M180" s="3" t="s">
        <v>928</v>
      </c>
      <c r="N180" s="3" t="s">
        <v>159</v>
      </c>
      <c r="O180" s="3" t="s">
        <v>166</v>
      </c>
      <c r="P180" s="3" t="s">
        <v>37</v>
      </c>
      <c r="Q180" s="3" t="s">
        <v>37</v>
      </c>
      <c r="R180" s="3" t="s">
        <v>39</v>
      </c>
      <c r="S180" s="3" t="s">
        <v>1217</v>
      </c>
      <c r="T180" s="3" t="s">
        <v>37</v>
      </c>
      <c r="U180" s="3" t="s">
        <v>37</v>
      </c>
      <c r="V180" s="3" t="s">
        <v>37</v>
      </c>
    </row>
    <row r="181" spans="1:22" ht="14.45" customHeight="1" x14ac:dyDescent="0.25">
      <c r="A181" s="3" t="s">
        <v>900</v>
      </c>
      <c r="B181" s="4" t="s">
        <v>514</v>
      </c>
      <c r="C181" s="3" t="s">
        <v>515</v>
      </c>
      <c r="D181" s="5" t="s">
        <v>1302</v>
      </c>
      <c r="E181" s="3" t="s">
        <v>924</v>
      </c>
      <c r="F181" s="3" t="s">
        <v>1073</v>
      </c>
      <c r="G181" s="3" t="s">
        <v>369</v>
      </c>
      <c r="H181" s="3" t="s">
        <v>29</v>
      </c>
      <c r="I181" s="3" t="s">
        <v>1356</v>
      </c>
      <c r="J181" s="7" t="s">
        <v>927</v>
      </c>
      <c r="K181" s="3" t="s">
        <v>32</v>
      </c>
      <c r="L181" s="3" t="s">
        <v>33</v>
      </c>
      <c r="M181" s="3" t="s">
        <v>928</v>
      </c>
      <c r="N181" s="3" t="s">
        <v>159</v>
      </c>
      <c r="O181" s="3" t="s">
        <v>166</v>
      </c>
      <c r="P181" s="3" t="s">
        <v>37</v>
      </c>
      <c r="Q181" s="3" t="s">
        <v>37</v>
      </c>
      <c r="R181" s="3" t="s">
        <v>39</v>
      </c>
      <c r="S181" s="3" t="s">
        <v>1360</v>
      </c>
      <c r="T181" s="3" t="s">
        <v>37</v>
      </c>
      <c r="U181" s="3" t="s">
        <v>37</v>
      </c>
      <c r="V181" s="3" t="s">
        <v>37</v>
      </c>
    </row>
    <row r="182" spans="1:22" ht="14.45" customHeight="1" x14ac:dyDescent="0.25">
      <c r="A182" s="3" t="s">
        <v>900</v>
      </c>
      <c r="B182" s="4" t="s">
        <v>514</v>
      </c>
      <c r="C182" s="3" t="s">
        <v>515</v>
      </c>
      <c r="D182" s="5" t="s">
        <v>202</v>
      </c>
      <c r="E182" s="3" t="s">
        <v>924</v>
      </c>
      <c r="F182" s="3" t="s">
        <v>1264</v>
      </c>
      <c r="G182" s="3" t="s">
        <v>582</v>
      </c>
      <c r="H182" s="3" t="s">
        <v>29</v>
      </c>
      <c r="I182" s="3" t="s">
        <v>1356</v>
      </c>
      <c r="J182" s="7" t="s">
        <v>927</v>
      </c>
      <c r="K182" s="3" t="s">
        <v>32</v>
      </c>
      <c r="L182" s="3" t="s">
        <v>33</v>
      </c>
      <c r="M182" s="3" t="s">
        <v>928</v>
      </c>
      <c r="N182" s="3" t="s">
        <v>159</v>
      </c>
      <c r="O182" s="3" t="s">
        <v>166</v>
      </c>
      <c r="P182" s="3" t="s">
        <v>37</v>
      </c>
      <c r="Q182" s="3" t="s">
        <v>37</v>
      </c>
      <c r="R182" s="3" t="s">
        <v>39</v>
      </c>
      <c r="S182" s="3" t="s">
        <v>1265</v>
      </c>
      <c r="T182" s="3" t="s">
        <v>37</v>
      </c>
      <c r="U182" s="3" t="s">
        <v>37</v>
      </c>
      <c r="V182" s="3" t="s">
        <v>37</v>
      </c>
    </row>
    <row r="183" spans="1:22" ht="14.45" customHeight="1" x14ac:dyDescent="0.25">
      <c r="A183" s="3" t="s">
        <v>900</v>
      </c>
      <c r="B183" s="4" t="s">
        <v>514</v>
      </c>
      <c r="C183" s="3" t="s">
        <v>515</v>
      </c>
      <c r="D183" s="5" t="s">
        <v>1042</v>
      </c>
      <c r="E183" s="3" t="s">
        <v>949</v>
      </c>
      <c r="F183" s="3" t="s">
        <v>1273</v>
      </c>
      <c r="G183" s="3" t="s">
        <v>1311</v>
      </c>
      <c r="H183" s="3" t="s">
        <v>50</v>
      </c>
      <c r="I183" s="3" t="s">
        <v>37</v>
      </c>
      <c r="J183" s="3" t="s">
        <v>1275</v>
      </c>
      <c r="K183" s="3" t="s">
        <v>32</v>
      </c>
      <c r="L183" s="3" t="s">
        <v>33</v>
      </c>
      <c r="M183" s="3" t="s">
        <v>69</v>
      </c>
      <c r="N183" s="3" t="s">
        <v>159</v>
      </c>
      <c r="O183" s="3" t="s">
        <v>37</v>
      </c>
      <c r="P183" s="3" t="s">
        <v>37</v>
      </c>
      <c r="Q183" s="3" t="s">
        <v>37</v>
      </c>
      <c r="R183" s="3" t="s">
        <v>39</v>
      </c>
      <c r="S183" s="3" t="s">
        <v>1361</v>
      </c>
      <c r="T183" s="3" t="s">
        <v>37</v>
      </c>
      <c r="U183" s="3" t="s">
        <v>37</v>
      </c>
      <c r="V183" s="3" t="s">
        <v>37</v>
      </c>
    </row>
    <row r="184" spans="1:22" ht="14.45" customHeight="1" x14ac:dyDescent="0.25">
      <c r="A184" s="3" t="s">
        <v>900</v>
      </c>
      <c r="B184" s="4" t="s">
        <v>514</v>
      </c>
      <c r="C184" s="3" t="s">
        <v>515</v>
      </c>
      <c r="D184" s="5" t="s">
        <v>1305</v>
      </c>
      <c r="E184" s="3" t="s">
        <v>949</v>
      </c>
      <c r="F184" s="3" t="s">
        <v>1273</v>
      </c>
      <c r="G184" s="3" t="s">
        <v>1274</v>
      </c>
      <c r="H184" s="3" t="s">
        <v>50</v>
      </c>
      <c r="I184" s="3" t="s">
        <v>37</v>
      </c>
      <c r="J184" s="3" t="s">
        <v>1275</v>
      </c>
      <c r="K184" s="3" t="s">
        <v>32</v>
      </c>
      <c r="L184" s="3" t="s">
        <v>33</v>
      </c>
      <c r="M184" s="3" t="s">
        <v>69</v>
      </c>
      <c r="N184" s="3" t="s">
        <v>159</v>
      </c>
      <c r="O184" s="3" t="s">
        <v>37</v>
      </c>
      <c r="P184" s="3" t="s">
        <v>37</v>
      </c>
      <c r="Q184" s="3" t="s">
        <v>37</v>
      </c>
      <c r="R184" s="3" t="s">
        <v>39</v>
      </c>
      <c r="S184" s="3" t="s">
        <v>1276</v>
      </c>
      <c r="T184" s="3" t="s">
        <v>37</v>
      </c>
      <c r="U184" s="3" t="s">
        <v>37</v>
      </c>
      <c r="V184" s="3" t="s">
        <v>37</v>
      </c>
    </row>
    <row r="185" spans="1:22" ht="14.45" customHeight="1" x14ac:dyDescent="0.25">
      <c r="A185" s="3" t="s">
        <v>900</v>
      </c>
      <c r="B185" s="4" t="s">
        <v>514</v>
      </c>
      <c r="C185" s="3" t="s">
        <v>515</v>
      </c>
      <c r="D185" s="5" t="s">
        <v>207</v>
      </c>
      <c r="E185" s="3" t="s">
        <v>1024</v>
      </c>
      <c r="F185" s="3" t="s">
        <v>1362</v>
      </c>
      <c r="G185" s="3" t="s">
        <v>480</v>
      </c>
      <c r="H185" s="3" t="s">
        <v>60</v>
      </c>
      <c r="I185" s="3" t="s">
        <v>1363</v>
      </c>
      <c r="J185" s="3" t="s">
        <v>1282</v>
      </c>
      <c r="K185" s="3" t="s">
        <v>32</v>
      </c>
      <c r="L185" s="3" t="s">
        <v>33</v>
      </c>
      <c r="M185" s="3" t="s">
        <v>69</v>
      </c>
      <c r="N185" s="3" t="s">
        <v>159</v>
      </c>
      <c r="O185" s="3" t="s">
        <v>37</v>
      </c>
      <c r="P185" s="3" t="s">
        <v>37</v>
      </c>
      <c r="Q185" s="3" t="s">
        <v>37</v>
      </c>
      <c r="R185" s="3" t="s">
        <v>39</v>
      </c>
      <c r="S185" s="3" t="s">
        <v>1364</v>
      </c>
      <c r="T185" s="3" t="s">
        <v>37</v>
      </c>
      <c r="U185" s="3" t="s">
        <v>37</v>
      </c>
      <c r="V185" s="3" t="s">
        <v>37</v>
      </c>
    </row>
    <row r="186" spans="1:22" ht="14.45" customHeight="1" x14ac:dyDescent="0.25">
      <c r="A186" s="3" t="s">
        <v>900</v>
      </c>
      <c r="B186" s="4" t="s">
        <v>514</v>
      </c>
      <c r="C186" s="3" t="s">
        <v>515</v>
      </c>
      <c r="D186" s="5" t="s">
        <v>1306</v>
      </c>
      <c r="E186" s="3" t="s">
        <v>1024</v>
      </c>
      <c r="F186" s="3" t="s">
        <v>1281</v>
      </c>
      <c r="G186" s="3" t="s">
        <v>411</v>
      </c>
      <c r="H186" s="3" t="s">
        <v>60</v>
      </c>
      <c r="I186" s="3" t="s">
        <v>1365</v>
      </c>
      <c r="J186" s="3" t="s">
        <v>1282</v>
      </c>
      <c r="K186" s="3" t="s">
        <v>32</v>
      </c>
      <c r="L186" s="3" t="s">
        <v>33</v>
      </c>
      <c r="M186" s="3" t="s">
        <v>69</v>
      </c>
      <c r="N186" s="3" t="s">
        <v>159</v>
      </c>
      <c r="O186" s="3" t="s">
        <v>37</v>
      </c>
      <c r="P186" s="3" t="s">
        <v>37</v>
      </c>
      <c r="Q186" s="3" t="s">
        <v>37</v>
      </c>
      <c r="R186" s="3" t="s">
        <v>39</v>
      </c>
      <c r="S186" s="3" t="s">
        <v>1283</v>
      </c>
      <c r="T186" s="3" t="s">
        <v>37</v>
      </c>
      <c r="U186" s="3" t="s">
        <v>37</v>
      </c>
      <c r="V186" s="3" t="s">
        <v>37</v>
      </c>
    </row>
    <row r="187" spans="1:22" ht="14.45" customHeight="1" x14ac:dyDescent="0.25">
      <c r="A187" s="3" t="s">
        <v>900</v>
      </c>
      <c r="B187" s="4" t="s">
        <v>514</v>
      </c>
      <c r="C187" s="3" t="s">
        <v>515</v>
      </c>
      <c r="D187" s="5" t="s">
        <v>353</v>
      </c>
      <c r="E187" s="3" t="s">
        <v>978</v>
      </c>
      <c r="F187" s="3" t="s">
        <v>1366</v>
      </c>
      <c r="G187" s="3" t="s">
        <v>281</v>
      </c>
      <c r="H187" s="3" t="s">
        <v>60</v>
      </c>
      <c r="I187" s="3" t="s">
        <v>37</v>
      </c>
      <c r="J187" s="3" t="s">
        <v>1367</v>
      </c>
      <c r="K187" s="3" t="s">
        <v>32</v>
      </c>
      <c r="L187" s="3" t="s">
        <v>33</v>
      </c>
      <c r="M187" s="3" t="s">
        <v>69</v>
      </c>
      <c r="N187" s="3" t="s">
        <v>53</v>
      </c>
      <c r="O187" s="3" t="s">
        <v>113</v>
      </c>
      <c r="P187" s="3" t="s">
        <v>37</v>
      </c>
      <c r="Q187" s="3" t="s">
        <v>37</v>
      </c>
      <c r="R187" s="3" t="s">
        <v>39</v>
      </c>
      <c r="S187" s="3" t="s">
        <v>1368</v>
      </c>
      <c r="T187" s="3" t="s">
        <v>37</v>
      </c>
      <c r="U187" s="3" t="s">
        <v>37</v>
      </c>
      <c r="V187" s="3" t="s">
        <v>37</v>
      </c>
    </row>
    <row r="188" spans="1:22" ht="14.45" customHeight="1" x14ac:dyDescent="0.25">
      <c r="A188" s="3" t="s">
        <v>900</v>
      </c>
      <c r="B188" s="4" t="s">
        <v>514</v>
      </c>
      <c r="C188" s="3" t="s">
        <v>515</v>
      </c>
      <c r="D188" s="5" t="s">
        <v>215</v>
      </c>
      <c r="E188" s="3" t="s">
        <v>478</v>
      </c>
      <c r="F188" s="3" t="s">
        <v>1047</v>
      </c>
      <c r="G188" s="3" t="s">
        <v>903</v>
      </c>
      <c r="H188" s="3" t="s">
        <v>180</v>
      </c>
      <c r="I188" s="3" t="s">
        <v>37</v>
      </c>
      <c r="J188" s="3" t="s">
        <v>1048</v>
      </c>
      <c r="K188" s="3" t="s">
        <v>32</v>
      </c>
      <c r="L188" s="3" t="s">
        <v>33</v>
      </c>
      <c r="M188" s="3" t="s">
        <v>34</v>
      </c>
      <c r="N188" s="3" t="s">
        <v>159</v>
      </c>
      <c r="O188" s="3" t="s">
        <v>37</v>
      </c>
      <c r="P188" s="3" t="s">
        <v>37</v>
      </c>
      <c r="Q188" s="3" t="s">
        <v>37</v>
      </c>
      <c r="R188" s="3" t="s">
        <v>39</v>
      </c>
      <c r="S188" s="3" t="s">
        <v>1049</v>
      </c>
      <c r="T188" s="3" t="s">
        <v>37</v>
      </c>
      <c r="U188" s="3" t="s">
        <v>37</v>
      </c>
      <c r="V188" s="3" t="s">
        <v>37</v>
      </c>
    </row>
    <row r="189" spans="1:22" ht="14.45" customHeight="1" x14ac:dyDescent="0.25">
      <c r="A189" s="3" t="s">
        <v>900</v>
      </c>
      <c r="B189" s="4" t="s">
        <v>514</v>
      </c>
      <c r="C189" s="3" t="s">
        <v>515</v>
      </c>
      <c r="D189" s="5" t="s">
        <v>1056</v>
      </c>
      <c r="E189" s="3" t="s">
        <v>1004</v>
      </c>
      <c r="F189" s="3" t="s">
        <v>1369</v>
      </c>
      <c r="G189" s="3" t="s">
        <v>317</v>
      </c>
      <c r="H189" s="3" t="s">
        <v>60</v>
      </c>
      <c r="I189" s="3" t="s">
        <v>37</v>
      </c>
      <c r="J189" s="3" t="s">
        <v>1370</v>
      </c>
      <c r="K189" s="3" t="s">
        <v>32</v>
      </c>
      <c r="L189" s="3" t="s">
        <v>33</v>
      </c>
      <c r="M189" s="3" t="s">
        <v>69</v>
      </c>
      <c r="N189" s="3" t="s">
        <v>79</v>
      </c>
      <c r="O189" s="3" t="s">
        <v>54</v>
      </c>
      <c r="P189" s="3" t="s">
        <v>55</v>
      </c>
      <c r="Q189" s="3" t="s">
        <v>37</v>
      </c>
      <c r="R189" s="3" t="s">
        <v>39</v>
      </c>
      <c r="S189" s="3" t="s">
        <v>1371</v>
      </c>
      <c r="T189" s="3" t="s">
        <v>37</v>
      </c>
      <c r="U189" s="3" t="s">
        <v>37</v>
      </c>
      <c r="V189" s="3" t="s">
        <v>37</v>
      </c>
    </row>
    <row r="190" spans="1:22" ht="14.45" customHeight="1" x14ac:dyDescent="0.25">
      <c r="A190" s="3" t="s">
        <v>900</v>
      </c>
      <c r="B190" s="4" t="s">
        <v>514</v>
      </c>
      <c r="C190" s="3" t="s">
        <v>515</v>
      </c>
      <c r="D190" s="5" t="s">
        <v>217</v>
      </c>
      <c r="E190" s="3" t="s">
        <v>993</v>
      </c>
      <c r="F190" s="3" t="s">
        <v>1372</v>
      </c>
      <c r="G190" s="3" t="s">
        <v>1296</v>
      </c>
      <c r="H190" s="3" t="s">
        <v>50</v>
      </c>
      <c r="I190" s="3" t="s">
        <v>996</v>
      </c>
      <c r="J190" s="3" t="s">
        <v>1373</v>
      </c>
      <c r="K190" s="3" t="s">
        <v>32</v>
      </c>
      <c r="L190" s="3" t="s">
        <v>33</v>
      </c>
      <c r="M190" s="3" t="s">
        <v>69</v>
      </c>
      <c r="N190" s="3" t="s">
        <v>131</v>
      </c>
      <c r="O190" s="3" t="s">
        <v>36</v>
      </c>
      <c r="P190" s="3" t="s">
        <v>37</v>
      </c>
      <c r="Q190" s="3" t="s">
        <v>37</v>
      </c>
      <c r="R190" s="3" t="s">
        <v>39</v>
      </c>
      <c r="S190" s="3" t="s">
        <v>1374</v>
      </c>
      <c r="T190" s="3" t="s">
        <v>37</v>
      </c>
      <c r="U190" s="3" t="s">
        <v>37</v>
      </c>
      <c r="V190" s="3" t="s">
        <v>37</v>
      </c>
    </row>
    <row r="191" spans="1:22" ht="14.45" customHeight="1" x14ac:dyDescent="0.25">
      <c r="A191" s="3" t="s">
        <v>900</v>
      </c>
      <c r="B191" s="4" t="s">
        <v>514</v>
      </c>
      <c r="C191" s="3" t="s">
        <v>515</v>
      </c>
      <c r="D191" s="5" t="s">
        <v>1063</v>
      </c>
      <c r="E191" s="3" t="s">
        <v>913</v>
      </c>
      <c r="F191" s="3" t="s">
        <v>1193</v>
      </c>
      <c r="G191" s="3" t="s">
        <v>369</v>
      </c>
      <c r="H191" s="3" t="s">
        <v>29</v>
      </c>
      <c r="I191" s="3" t="s">
        <v>915</v>
      </c>
      <c r="J191" s="3" t="s">
        <v>1194</v>
      </c>
      <c r="K191" s="3" t="s">
        <v>32</v>
      </c>
      <c r="L191" s="3" t="s">
        <v>33</v>
      </c>
      <c r="M191" s="3" t="s">
        <v>34</v>
      </c>
      <c r="N191" s="3" t="s">
        <v>53</v>
      </c>
      <c r="O191" s="3" t="s">
        <v>54</v>
      </c>
      <c r="P191" s="3" t="s">
        <v>37</v>
      </c>
      <c r="Q191" s="3" t="s">
        <v>37</v>
      </c>
      <c r="R191" s="3" t="s">
        <v>39</v>
      </c>
      <c r="S191" s="3" t="s">
        <v>1195</v>
      </c>
      <c r="T191" s="3" t="s">
        <v>37</v>
      </c>
      <c r="U191" s="3" t="s">
        <v>37</v>
      </c>
      <c r="V191" s="3" t="s">
        <v>37</v>
      </c>
    </row>
    <row r="192" spans="1:22" ht="14.45" customHeight="1" x14ac:dyDescent="0.25">
      <c r="A192" s="3"/>
      <c r="B192" s="4"/>
      <c r="C192" s="3"/>
      <c r="D192" s="5"/>
      <c r="E192" s="6" t="s">
        <v>1067</v>
      </c>
      <c r="F192" s="3"/>
      <c r="G192" s="3"/>
      <c r="H192" s="3"/>
      <c r="I192" s="3"/>
      <c r="J192" s="3"/>
      <c r="K192" s="3"/>
      <c r="L192" s="3"/>
      <c r="M192" s="3"/>
      <c r="N192" s="3"/>
      <c r="O192" s="3"/>
      <c r="P192" s="3"/>
      <c r="Q192" s="3"/>
      <c r="R192" s="3"/>
      <c r="S192" s="3"/>
      <c r="T192" s="3"/>
      <c r="U192" s="3"/>
      <c r="V192" s="3"/>
    </row>
    <row r="193" spans="1:22" ht="14.45" customHeight="1" x14ac:dyDescent="0.25">
      <c r="A193" s="3"/>
      <c r="B193" s="4"/>
      <c r="C193" s="3"/>
      <c r="D193" s="5"/>
      <c r="E193" s="3"/>
      <c r="F193" s="3"/>
      <c r="G193" s="3"/>
      <c r="H193" s="3"/>
      <c r="I193" s="3"/>
      <c r="J193" s="3"/>
      <c r="K193" s="3"/>
      <c r="L193" s="3"/>
      <c r="M193" s="3"/>
      <c r="N193" s="3"/>
      <c r="O193" s="3"/>
      <c r="P193" s="3"/>
      <c r="Q193" s="3"/>
      <c r="R193" s="3"/>
      <c r="S193" s="3"/>
      <c r="T193" s="3"/>
      <c r="U193" s="3"/>
      <c r="V193" s="3"/>
    </row>
    <row r="194" spans="1:22" ht="14.45" customHeight="1" x14ac:dyDescent="0.25">
      <c r="A194" s="3" t="s">
        <v>900</v>
      </c>
      <c r="B194" s="4" t="s">
        <v>632</v>
      </c>
      <c r="C194" s="3" t="s">
        <v>633</v>
      </c>
      <c r="D194" s="5" t="s">
        <v>25</v>
      </c>
      <c r="E194" s="3" t="s">
        <v>901</v>
      </c>
      <c r="F194" s="3" t="s">
        <v>1379</v>
      </c>
      <c r="G194" s="3" t="s">
        <v>1380</v>
      </c>
      <c r="H194" s="3" t="s">
        <v>50</v>
      </c>
      <c r="I194" s="3" t="s">
        <v>1077</v>
      </c>
      <c r="J194" s="3" t="s">
        <v>1381</v>
      </c>
      <c r="K194" s="3" t="s">
        <v>32</v>
      </c>
      <c r="L194" s="3" t="s">
        <v>33</v>
      </c>
      <c r="M194" s="3" t="s">
        <v>69</v>
      </c>
      <c r="N194" s="3" t="s">
        <v>906</v>
      </c>
      <c r="O194" s="3" t="s">
        <v>113</v>
      </c>
      <c r="P194" s="3" t="s">
        <v>37</v>
      </c>
      <c r="Q194" s="3" t="s">
        <v>37</v>
      </c>
      <c r="R194" s="3" t="s">
        <v>39</v>
      </c>
      <c r="S194" s="3" t="s">
        <v>1382</v>
      </c>
      <c r="T194" s="3" t="s">
        <v>37</v>
      </c>
      <c r="U194" s="3" t="s">
        <v>37</v>
      </c>
      <c r="V194" s="3" t="s">
        <v>37</v>
      </c>
    </row>
    <row r="195" spans="1:22" ht="14.45" customHeight="1" x14ac:dyDescent="0.25">
      <c r="A195" s="3" t="s">
        <v>900</v>
      </c>
      <c r="B195" s="4" t="s">
        <v>632</v>
      </c>
      <c r="C195" s="3" t="s">
        <v>633</v>
      </c>
      <c r="D195" s="5" t="s">
        <v>908</v>
      </c>
      <c r="E195" s="3" t="s">
        <v>901</v>
      </c>
      <c r="F195" s="3" t="s">
        <v>1383</v>
      </c>
      <c r="G195" s="3" t="s">
        <v>1113</v>
      </c>
      <c r="H195" s="3" t="s">
        <v>50</v>
      </c>
      <c r="I195" s="3" t="s">
        <v>1384</v>
      </c>
      <c r="J195" s="3" t="s">
        <v>1385</v>
      </c>
      <c r="K195" s="3" t="s">
        <v>32</v>
      </c>
      <c r="L195" s="3" t="s">
        <v>33</v>
      </c>
      <c r="M195" s="3" t="s">
        <v>69</v>
      </c>
      <c r="N195" s="3" t="s">
        <v>906</v>
      </c>
      <c r="O195" s="3" t="s">
        <v>113</v>
      </c>
      <c r="P195" s="3" t="s">
        <v>37</v>
      </c>
      <c r="Q195" s="3" t="s">
        <v>37</v>
      </c>
      <c r="R195" s="3" t="s">
        <v>39</v>
      </c>
      <c r="S195" s="3" t="s">
        <v>1386</v>
      </c>
      <c r="T195" s="3" t="s">
        <v>37</v>
      </c>
      <c r="U195" s="3" t="s">
        <v>37</v>
      </c>
      <c r="V195" s="3" t="s">
        <v>37</v>
      </c>
    </row>
    <row r="196" spans="1:22" ht="14.45" customHeight="1" x14ac:dyDescent="0.25">
      <c r="A196" s="3" t="s">
        <v>900</v>
      </c>
      <c r="B196" s="4" t="s">
        <v>632</v>
      </c>
      <c r="C196" s="3" t="s">
        <v>633</v>
      </c>
      <c r="D196" s="5" t="s">
        <v>46</v>
      </c>
      <c r="E196" s="3" t="s">
        <v>924</v>
      </c>
      <c r="F196" s="3" t="s">
        <v>946</v>
      </c>
      <c r="G196" s="3" t="s">
        <v>195</v>
      </c>
      <c r="H196" s="3" t="s">
        <v>29</v>
      </c>
      <c r="I196" s="3" t="s">
        <v>1356</v>
      </c>
      <c r="J196" s="7" t="s">
        <v>927</v>
      </c>
      <c r="K196" s="3" t="s">
        <v>32</v>
      </c>
      <c r="L196" s="3" t="s">
        <v>33</v>
      </c>
      <c r="M196" s="3" t="s">
        <v>928</v>
      </c>
      <c r="N196" s="3" t="s">
        <v>159</v>
      </c>
      <c r="O196" s="3" t="s">
        <v>166</v>
      </c>
      <c r="P196" s="3" t="s">
        <v>37</v>
      </c>
      <c r="Q196" s="3" t="s">
        <v>37</v>
      </c>
      <c r="R196" s="3" t="s">
        <v>39</v>
      </c>
      <c r="S196" s="3" t="s">
        <v>947</v>
      </c>
      <c r="T196" s="3" t="s">
        <v>37</v>
      </c>
      <c r="U196" s="3" t="s">
        <v>37</v>
      </c>
      <c r="V196" s="3" t="s">
        <v>37</v>
      </c>
    </row>
    <row r="197" spans="1:22" ht="14.45" customHeight="1" x14ac:dyDescent="0.25">
      <c r="A197" s="3" t="s">
        <v>900</v>
      </c>
      <c r="B197" s="4" t="s">
        <v>632</v>
      </c>
      <c r="C197" s="3" t="s">
        <v>633</v>
      </c>
      <c r="D197" s="5" t="s">
        <v>1207</v>
      </c>
      <c r="E197" s="3" t="s">
        <v>924</v>
      </c>
      <c r="F197" s="3" t="s">
        <v>1010</v>
      </c>
      <c r="G197" s="3" t="s">
        <v>269</v>
      </c>
      <c r="H197" s="3" t="s">
        <v>29</v>
      </c>
      <c r="I197" s="3" t="s">
        <v>1356</v>
      </c>
      <c r="J197" s="7" t="s">
        <v>927</v>
      </c>
      <c r="K197" s="3" t="s">
        <v>32</v>
      </c>
      <c r="L197" s="3" t="s">
        <v>33</v>
      </c>
      <c r="M197" s="3" t="s">
        <v>928</v>
      </c>
      <c r="N197" s="3" t="s">
        <v>159</v>
      </c>
      <c r="O197" s="3" t="s">
        <v>166</v>
      </c>
      <c r="P197" s="3" t="s">
        <v>37</v>
      </c>
      <c r="Q197" s="3" t="s">
        <v>37</v>
      </c>
      <c r="R197" s="3" t="s">
        <v>39</v>
      </c>
      <c r="S197" s="3" t="s">
        <v>1011</v>
      </c>
      <c r="T197" s="3" t="s">
        <v>37</v>
      </c>
      <c r="U197" s="3" t="s">
        <v>37</v>
      </c>
      <c r="V197" s="3" t="s">
        <v>37</v>
      </c>
    </row>
    <row r="198" spans="1:22" ht="14.45" customHeight="1" x14ac:dyDescent="0.25">
      <c r="A198" s="3" t="s">
        <v>900</v>
      </c>
      <c r="B198" s="4" t="s">
        <v>632</v>
      </c>
      <c r="C198" s="3" t="s">
        <v>633</v>
      </c>
      <c r="D198" s="5" t="s">
        <v>1211</v>
      </c>
      <c r="E198" s="3" t="s">
        <v>924</v>
      </c>
      <c r="F198" s="3" t="s">
        <v>1012</v>
      </c>
      <c r="G198" s="3" t="s">
        <v>67</v>
      </c>
      <c r="H198" s="3" t="s">
        <v>29</v>
      </c>
      <c r="I198" s="3" t="s">
        <v>1356</v>
      </c>
      <c r="J198" s="7" t="s">
        <v>927</v>
      </c>
      <c r="K198" s="3" t="s">
        <v>32</v>
      </c>
      <c r="L198" s="3" t="s">
        <v>33</v>
      </c>
      <c r="M198" s="3" t="s">
        <v>928</v>
      </c>
      <c r="N198" s="3" t="s">
        <v>159</v>
      </c>
      <c r="O198" s="3" t="s">
        <v>166</v>
      </c>
      <c r="P198" s="3" t="s">
        <v>37</v>
      </c>
      <c r="Q198" s="3" t="s">
        <v>37</v>
      </c>
      <c r="R198" s="3" t="s">
        <v>39</v>
      </c>
      <c r="S198" s="3" t="s">
        <v>1013</v>
      </c>
      <c r="T198" s="3" t="s">
        <v>37</v>
      </c>
      <c r="U198" s="3" t="s">
        <v>37</v>
      </c>
      <c r="V198" s="3" t="s">
        <v>37</v>
      </c>
    </row>
    <row r="199" spans="1:22" ht="14.45" customHeight="1" x14ac:dyDescent="0.25">
      <c r="A199" s="3" t="s">
        <v>900</v>
      </c>
      <c r="B199" s="4" t="s">
        <v>632</v>
      </c>
      <c r="C199" s="3" t="s">
        <v>633</v>
      </c>
      <c r="D199" s="5" t="s">
        <v>918</v>
      </c>
      <c r="E199" s="3" t="s">
        <v>924</v>
      </c>
      <c r="F199" s="3" t="s">
        <v>1214</v>
      </c>
      <c r="G199" s="3" t="s">
        <v>157</v>
      </c>
      <c r="H199" s="3" t="s">
        <v>29</v>
      </c>
      <c r="I199" s="3" t="s">
        <v>1356</v>
      </c>
      <c r="J199" s="7" t="s">
        <v>927</v>
      </c>
      <c r="K199" s="3" t="s">
        <v>32</v>
      </c>
      <c r="L199" s="3" t="s">
        <v>33</v>
      </c>
      <c r="M199" s="3" t="s">
        <v>928</v>
      </c>
      <c r="N199" s="3" t="s">
        <v>159</v>
      </c>
      <c r="O199" s="3" t="s">
        <v>166</v>
      </c>
      <c r="P199" s="3" t="s">
        <v>37</v>
      </c>
      <c r="Q199" s="3" t="s">
        <v>37</v>
      </c>
      <c r="R199" s="3" t="s">
        <v>39</v>
      </c>
      <c r="S199" s="3" t="s">
        <v>1215</v>
      </c>
      <c r="T199" s="3" t="s">
        <v>37</v>
      </c>
      <c r="U199" s="3" t="s">
        <v>37</v>
      </c>
      <c r="V199" s="3" t="s">
        <v>37</v>
      </c>
    </row>
    <row r="200" spans="1:22" ht="14.45" customHeight="1" x14ac:dyDescent="0.25">
      <c r="A200" s="3" t="s">
        <v>900</v>
      </c>
      <c r="B200" s="4" t="s">
        <v>632</v>
      </c>
      <c r="C200" s="3" t="s">
        <v>633</v>
      </c>
      <c r="D200" s="5" t="s">
        <v>1213</v>
      </c>
      <c r="E200" s="3" t="s">
        <v>924</v>
      </c>
      <c r="F200" s="3" t="s">
        <v>1216</v>
      </c>
      <c r="G200" s="3" t="s">
        <v>98</v>
      </c>
      <c r="H200" s="3" t="s">
        <v>29</v>
      </c>
      <c r="I200" s="3" t="s">
        <v>1354</v>
      </c>
      <c r="J200" s="7" t="s">
        <v>927</v>
      </c>
      <c r="K200" s="3" t="s">
        <v>32</v>
      </c>
      <c r="L200" s="3" t="s">
        <v>33</v>
      </c>
      <c r="M200" s="3" t="s">
        <v>928</v>
      </c>
      <c r="N200" s="3" t="s">
        <v>159</v>
      </c>
      <c r="O200" s="3" t="s">
        <v>166</v>
      </c>
      <c r="P200" s="3" t="s">
        <v>37</v>
      </c>
      <c r="Q200" s="3" t="s">
        <v>37</v>
      </c>
      <c r="R200" s="3" t="s">
        <v>39</v>
      </c>
      <c r="S200" s="3" t="s">
        <v>1217</v>
      </c>
      <c r="T200" s="3" t="s">
        <v>37</v>
      </c>
      <c r="U200" s="3" t="s">
        <v>37</v>
      </c>
      <c r="V200" s="3" t="s">
        <v>37</v>
      </c>
    </row>
    <row r="201" spans="1:22" ht="14.45" customHeight="1" x14ac:dyDescent="0.25">
      <c r="A201" s="3" t="s">
        <v>900</v>
      </c>
      <c r="B201" s="4" t="s">
        <v>632</v>
      </c>
      <c r="C201" s="3" t="s">
        <v>633</v>
      </c>
      <c r="D201" s="5" t="s">
        <v>641</v>
      </c>
      <c r="E201" s="3" t="s">
        <v>924</v>
      </c>
      <c r="F201" s="3" t="s">
        <v>1069</v>
      </c>
      <c r="G201" s="3" t="s">
        <v>242</v>
      </c>
      <c r="H201" s="3" t="s">
        <v>29</v>
      </c>
      <c r="I201" s="3" t="s">
        <v>1356</v>
      </c>
      <c r="J201" s="7" t="s">
        <v>927</v>
      </c>
      <c r="K201" s="3" t="s">
        <v>32</v>
      </c>
      <c r="L201" s="3" t="s">
        <v>33</v>
      </c>
      <c r="M201" s="3" t="s">
        <v>928</v>
      </c>
      <c r="N201" s="3" t="s">
        <v>159</v>
      </c>
      <c r="O201" s="3" t="s">
        <v>166</v>
      </c>
      <c r="P201" s="3" t="s">
        <v>37</v>
      </c>
      <c r="Q201" s="3" t="s">
        <v>37</v>
      </c>
      <c r="R201" s="3" t="s">
        <v>39</v>
      </c>
      <c r="S201" s="3" t="s">
        <v>1262</v>
      </c>
      <c r="T201" s="3" t="s">
        <v>37</v>
      </c>
      <c r="U201" s="3" t="s">
        <v>37</v>
      </c>
      <c r="V201" s="3" t="s">
        <v>37</v>
      </c>
    </row>
    <row r="202" spans="1:22" ht="14.45" customHeight="1" x14ac:dyDescent="0.25">
      <c r="A202" s="3" t="s">
        <v>900</v>
      </c>
      <c r="B202" s="4" t="s">
        <v>632</v>
      </c>
      <c r="C202" s="3" t="s">
        <v>633</v>
      </c>
      <c r="D202" s="5" t="s">
        <v>923</v>
      </c>
      <c r="E202" s="3" t="s">
        <v>478</v>
      </c>
      <c r="F202" s="3" t="s">
        <v>1387</v>
      </c>
      <c r="G202" s="3" t="s">
        <v>195</v>
      </c>
      <c r="H202" s="3" t="s">
        <v>29</v>
      </c>
      <c r="I202" s="3" t="s">
        <v>1388</v>
      </c>
      <c r="J202" s="3" t="s">
        <v>1389</v>
      </c>
      <c r="K202" s="3" t="s">
        <v>32</v>
      </c>
      <c r="L202" s="3" t="s">
        <v>1221</v>
      </c>
      <c r="M202" s="3" t="s">
        <v>34</v>
      </c>
      <c r="N202" s="3" t="s">
        <v>131</v>
      </c>
      <c r="O202" s="3" t="s">
        <v>113</v>
      </c>
      <c r="P202" s="3" t="s">
        <v>37</v>
      </c>
      <c r="Q202" s="3" t="s">
        <v>37</v>
      </c>
      <c r="R202" s="3" t="s">
        <v>39</v>
      </c>
      <c r="S202" s="3" t="s">
        <v>1390</v>
      </c>
      <c r="T202" s="3" t="s">
        <v>37</v>
      </c>
      <c r="U202" s="3" t="s">
        <v>37</v>
      </c>
      <c r="V202" s="3" t="s">
        <v>37</v>
      </c>
    </row>
    <row r="203" spans="1:22" ht="14.45" customHeight="1" x14ac:dyDescent="0.25">
      <c r="A203" s="3" t="s">
        <v>900</v>
      </c>
      <c r="B203" s="4" t="s">
        <v>632</v>
      </c>
      <c r="C203" s="3" t="s">
        <v>633</v>
      </c>
      <c r="D203" s="5" t="s">
        <v>938</v>
      </c>
      <c r="E203" s="3" t="s">
        <v>478</v>
      </c>
      <c r="F203" s="3" t="s">
        <v>1391</v>
      </c>
      <c r="G203" s="3" t="s">
        <v>713</v>
      </c>
      <c r="H203" s="3" t="s">
        <v>50</v>
      </c>
      <c r="I203" s="3" t="s">
        <v>481</v>
      </c>
      <c r="J203" s="3" t="s">
        <v>1392</v>
      </c>
      <c r="K203" s="3" t="s">
        <v>32</v>
      </c>
      <c r="L203" s="3" t="s">
        <v>33</v>
      </c>
      <c r="M203" s="3" t="s">
        <v>34</v>
      </c>
      <c r="N203" s="3" t="s">
        <v>159</v>
      </c>
      <c r="O203" s="3" t="s">
        <v>113</v>
      </c>
      <c r="P203" s="3" t="s">
        <v>37</v>
      </c>
      <c r="Q203" s="3" t="s">
        <v>37</v>
      </c>
      <c r="R203" s="3" t="s">
        <v>39</v>
      </c>
      <c r="S203" s="3" t="s">
        <v>1393</v>
      </c>
      <c r="T203" s="3" t="s">
        <v>37</v>
      </c>
      <c r="U203" s="3" t="s">
        <v>37</v>
      </c>
      <c r="V203" s="3" t="s">
        <v>37</v>
      </c>
    </row>
    <row r="204" spans="1:22" ht="14.45" customHeight="1" x14ac:dyDescent="0.25">
      <c r="A204" s="3" t="s">
        <v>900</v>
      </c>
      <c r="B204" s="4" t="s">
        <v>632</v>
      </c>
      <c r="C204" s="3" t="s">
        <v>633</v>
      </c>
      <c r="D204" s="5" t="s">
        <v>948</v>
      </c>
      <c r="E204" s="3" t="s">
        <v>919</v>
      </c>
      <c r="F204" s="3" t="s">
        <v>1394</v>
      </c>
      <c r="G204" s="3" t="s">
        <v>50</v>
      </c>
      <c r="H204" s="3" t="s">
        <v>29</v>
      </c>
      <c r="I204" s="3" t="s">
        <v>37</v>
      </c>
      <c r="J204" s="3" t="s">
        <v>1395</v>
      </c>
      <c r="K204" s="3" t="s">
        <v>32</v>
      </c>
      <c r="L204" s="3" t="s">
        <v>33</v>
      </c>
      <c r="M204" s="3" t="s">
        <v>69</v>
      </c>
      <c r="N204" s="3" t="s">
        <v>53</v>
      </c>
      <c r="O204" s="3" t="s">
        <v>54</v>
      </c>
      <c r="P204" s="3" t="s">
        <v>37</v>
      </c>
      <c r="Q204" s="3" t="s">
        <v>37</v>
      </c>
      <c r="R204" s="3" t="s">
        <v>39</v>
      </c>
      <c r="S204" s="3" t="s">
        <v>1396</v>
      </c>
      <c r="T204" s="3" t="s">
        <v>37</v>
      </c>
      <c r="U204" s="3" t="s">
        <v>37</v>
      </c>
      <c r="V204" s="3" t="s">
        <v>37</v>
      </c>
    </row>
    <row r="205" spans="1:22" ht="14.45" customHeight="1" x14ac:dyDescent="0.25">
      <c r="A205" s="3" t="s">
        <v>900</v>
      </c>
      <c r="B205" s="4" t="s">
        <v>632</v>
      </c>
      <c r="C205" s="3" t="s">
        <v>633</v>
      </c>
      <c r="D205" s="5" t="s">
        <v>953</v>
      </c>
      <c r="E205" s="3" t="s">
        <v>919</v>
      </c>
      <c r="F205" s="3" t="s">
        <v>1397</v>
      </c>
      <c r="G205" s="3" t="s">
        <v>180</v>
      </c>
      <c r="H205" s="3" t="s">
        <v>29</v>
      </c>
      <c r="I205" s="3" t="s">
        <v>37</v>
      </c>
      <c r="J205" s="3" t="s">
        <v>1398</v>
      </c>
      <c r="K205" s="3" t="s">
        <v>32</v>
      </c>
      <c r="L205" s="3" t="s">
        <v>33</v>
      </c>
      <c r="M205" s="3" t="s">
        <v>69</v>
      </c>
      <c r="N205" s="3" t="s">
        <v>53</v>
      </c>
      <c r="O205" s="3" t="s">
        <v>54</v>
      </c>
      <c r="P205" s="3" t="s">
        <v>37</v>
      </c>
      <c r="Q205" s="3" t="s">
        <v>37</v>
      </c>
      <c r="R205" s="3" t="s">
        <v>39</v>
      </c>
      <c r="S205" s="3" t="s">
        <v>1399</v>
      </c>
      <c r="T205" s="3" t="s">
        <v>37</v>
      </c>
      <c r="U205" s="3" t="s">
        <v>37</v>
      </c>
      <c r="V205" s="3" t="s">
        <v>37</v>
      </c>
    </row>
    <row r="206" spans="1:22" ht="14.45" customHeight="1" x14ac:dyDescent="0.25">
      <c r="A206" s="3" t="s">
        <v>900</v>
      </c>
      <c r="B206" s="4" t="s">
        <v>632</v>
      </c>
      <c r="C206" s="3" t="s">
        <v>633</v>
      </c>
      <c r="D206" s="5" t="s">
        <v>957</v>
      </c>
      <c r="E206" s="3" t="s">
        <v>1400</v>
      </c>
      <c r="F206" s="3" t="s">
        <v>37</v>
      </c>
      <c r="G206" s="3">
        <v>1</v>
      </c>
      <c r="H206" s="3">
        <v>0</v>
      </c>
      <c r="I206" s="3" t="s">
        <v>1401</v>
      </c>
      <c r="J206" s="3" t="s">
        <v>1402</v>
      </c>
      <c r="K206" s="3" t="s">
        <v>211</v>
      </c>
      <c r="L206" s="3" t="s">
        <v>33</v>
      </c>
      <c r="M206" s="3" t="s">
        <v>69</v>
      </c>
      <c r="N206" s="3" t="s">
        <v>1403</v>
      </c>
      <c r="O206" s="3" t="s">
        <v>1404</v>
      </c>
      <c r="P206" s="3" t="s">
        <v>37</v>
      </c>
      <c r="Q206" s="3" t="s">
        <v>37</v>
      </c>
      <c r="R206" s="3" t="s">
        <v>39</v>
      </c>
      <c r="S206" s="3" t="s">
        <v>1405</v>
      </c>
      <c r="T206" s="3" t="s">
        <v>37</v>
      </c>
      <c r="U206" s="3" t="s">
        <v>37</v>
      </c>
      <c r="V206" s="3" t="s">
        <v>37</v>
      </c>
    </row>
    <row r="207" spans="1:22" ht="14.45" customHeight="1" x14ac:dyDescent="0.25">
      <c r="A207" s="3" t="s">
        <v>900</v>
      </c>
      <c r="B207" s="4" t="s">
        <v>632</v>
      </c>
      <c r="C207" s="3" t="s">
        <v>633</v>
      </c>
      <c r="D207" s="5" t="s">
        <v>966</v>
      </c>
      <c r="E207" s="3" t="s">
        <v>1406</v>
      </c>
      <c r="F207" s="3" t="s">
        <v>37</v>
      </c>
      <c r="G207" s="3">
        <v>1</v>
      </c>
      <c r="H207" s="3">
        <v>0</v>
      </c>
      <c r="I207" s="3" t="s">
        <v>1401</v>
      </c>
      <c r="J207" s="3" t="s">
        <v>1407</v>
      </c>
      <c r="K207" s="3" t="s">
        <v>211</v>
      </c>
      <c r="L207" s="3" t="s">
        <v>33</v>
      </c>
      <c r="M207" s="3" t="s">
        <v>69</v>
      </c>
      <c r="N207" s="3" t="s">
        <v>35</v>
      </c>
      <c r="O207" s="3" t="s">
        <v>512</v>
      </c>
      <c r="P207" s="3" t="s">
        <v>37</v>
      </c>
      <c r="Q207" s="3" t="s">
        <v>37</v>
      </c>
      <c r="R207" s="3" t="s">
        <v>39</v>
      </c>
      <c r="S207" s="3" t="s">
        <v>1408</v>
      </c>
      <c r="T207" s="3" t="s">
        <v>37</v>
      </c>
      <c r="U207" s="3" t="s">
        <v>37</v>
      </c>
      <c r="V207" s="3" t="s">
        <v>37</v>
      </c>
    </row>
    <row r="208" spans="1:22" ht="14.45" customHeight="1" x14ac:dyDescent="0.25">
      <c r="A208" s="3" t="s">
        <v>900</v>
      </c>
      <c r="B208" s="4" t="s">
        <v>632</v>
      </c>
      <c r="C208" s="3" t="s">
        <v>633</v>
      </c>
      <c r="D208" s="5" t="s">
        <v>971</v>
      </c>
      <c r="E208" s="3" t="s">
        <v>478</v>
      </c>
      <c r="F208" s="3" t="s">
        <v>1409</v>
      </c>
      <c r="G208" s="3" t="s">
        <v>67</v>
      </c>
      <c r="H208" s="3" t="s">
        <v>29</v>
      </c>
      <c r="I208" s="3" t="s">
        <v>1410</v>
      </c>
      <c r="J208" s="3" t="s">
        <v>1411</v>
      </c>
      <c r="K208" s="3" t="s">
        <v>32</v>
      </c>
      <c r="L208" s="3" t="s">
        <v>1221</v>
      </c>
      <c r="M208" s="3" t="s">
        <v>34</v>
      </c>
      <c r="N208" s="3" t="s">
        <v>131</v>
      </c>
      <c r="O208" s="3" t="s">
        <v>113</v>
      </c>
      <c r="P208" s="3" t="s">
        <v>37</v>
      </c>
      <c r="Q208" s="3" t="s">
        <v>37</v>
      </c>
      <c r="R208" s="3" t="s">
        <v>39</v>
      </c>
      <c r="S208" s="3" t="s">
        <v>1412</v>
      </c>
      <c r="T208" s="3" t="s">
        <v>37</v>
      </c>
      <c r="U208" s="3" t="s">
        <v>37</v>
      </c>
      <c r="V208" s="3" t="s">
        <v>37</v>
      </c>
    </row>
    <row r="209" spans="1:22" ht="14.45" customHeight="1" x14ac:dyDescent="0.25">
      <c r="A209" s="3" t="s">
        <v>900</v>
      </c>
      <c r="B209" s="4" t="s">
        <v>632</v>
      </c>
      <c r="C209" s="3" t="s">
        <v>633</v>
      </c>
      <c r="D209" s="5" t="s">
        <v>972</v>
      </c>
      <c r="E209" s="3" t="s">
        <v>478</v>
      </c>
      <c r="F209" s="3" t="s">
        <v>1413</v>
      </c>
      <c r="G209" s="3" t="s">
        <v>237</v>
      </c>
      <c r="H209" s="3" t="s">
        <v>29</v>
      </c>
      <c r="I209" s="3" t="s">
        <v>1243</v>
      </c>
      <c r="J209" s="3" t="s">
        <v>1414</v>
      </c>
      <c r="K209" s="3" t="s">
        <v>32</v>
      </c>
      <c r="L209" s="3" t="s">
        <v>1221</v>
      </c>
      <c r="M209" s="3" t="s">
        <v>34</v>
      </c>
      <c r="N209" s="3" t="s">
        <v>131</v>
      </c>
      <c r="O209" s="3" t="s">
        <v>113</v>
      </c>
      <c r="P209" s="3" t="s">
        <v>37</v>
      </c>
      <c r="Q209" s="3" t="s">
        <v>37</v>
      </c>
      <c r="R209" s="3" t="s">
        <v>39</v>
      </c>
      <c r="S209" s="3" t="s">
        <v>1415</v>
      </c>
      <c r="T209" s="3" t="s">
        <v>37</v>
      </c>
      <c r="U209" s="3" t="s">
        <v>37</v>
      </c>
      <c r="V209" s="3" t="s">
        <v>37</v>
      </c>
    </row>
    <row r="210" spans="1:22" ht="14.45" customHeight="1" x14ac:dyDescent="0.25">
      <c r="A210" s="3" t="s">
        <v>900</v>
      </c>
      <c r="B210" s="4" t="s">
        <v>632</v>
      </c>
      <c r="C210" s="3" t="s">
        <v>633</v>
      </c>
      <c r="D210" s="5" t="s">
        <v>127</v>
      </c>
      <c r="E210" s="3" t="s">
        <v>1024</v>
      </c>
      <c r="F210" s="3" t="s">
        <v>1416</v>
      </c>
      <c r="G210" s="3" t="s">
        <v>141</v>
      </c>
      <c r="H210" s="3" t="s">
        <v>29</v>
      </c>
      <c r="I210" s="3" t="s">
        <v>1253</v>
      </c>
      <c r="J210" s="3" t="s">
        <v>1417</v>
      </c>
      <c r="K210" s="3" t="s">
        <v>32</v>
      </c>
      <c r="L210" s="3" t="s">
        <v>33</v>
      </c>
      <c r="M210" s="3" t="s">
        <v>69</v>
      </c>
      <c r="N210" s="3" t="s">
        <v>53</v>
      </c>
      <c r="O210" s="3" t="s">
        <v>36</v>
      </c>
      <c r="P210" s="3" t="s">
        <v>37</v>
      </c>
      <c r="Q210" s="3" t="s">
        <v>37</v>
      </c>
      <c r="R210" s="3" t="s">
        <v>39</v>
      </c>
      <c r="S210" s="3" t="s">
        <v>1418</v>
      </c>
      <c r="T210" s="3" t="s">
        <v>37</v>
      </c>
      <c r="U210" s="3" t="s">
        <v>37</v>
      </c>
      <c r="V210" s="3" t="s">
        <v>37</v>
      </c>
    </row>
    <row r="211" spans="1:22" ht="14.45" customHeight="1" x14ac:dyDescent="0.25">
      <c r="A211" s="3" t="s">
        <v>900</v>
      </c>
      <c r="B211" s="4" t="s">
        <v>632</v>
      </c>
      <c r="C211" s="3" t="s">
        <v>633</v>
      </c>
      <c r="D211" s="5" t="s">
        <v>431</v>
      </c>
      <c r="E211" s="3" t="s">
        <v>1024</v>
      </c>
      <c r="F211" s="3" t="s">
        <v>1419</v>
      </c>
      <c r="G211" s="3" t="s">
        <v>148</v>
      </c>
      <c r="H211" s="3" t="s">
        <v>29</v>
      </c>
      <c r="I211" s="3" t="s">
        <v>1253</v>
      </c>
      <c r="J211" s="3" t="s">
        <v>1420</v>
      </c>
      <c r="K211" s="3" t="s">
        <v>32</v>
      </c>
      <c r="L211" s="3" t="s">
        <v>33</v>
      </c>
      <c r="M211" s="3" t="s">
        <v>69</v>
      </c>
      <c r="N211" s="3" t="s">
        <v>53</v>
      </c>
      <c r="O211" s="3" t="s">
        <v>36</v>
      </c>
      <c r="P211" s="3" t="s">
        <v>37</v>
      </c>
      <c r="Q211" s="3" t="s">
        <v>37</v>
      </c>
      <c r="R211" s="3" t="s">
        <v>39</v>
      </c>
      <c r="S211" s="3" t="s">
        <v>1421</v>
      </c>
      <c r="T211" s="3" t="s">
        <v>37</v>
      </c>
      <c r="U211" s="3" t="s">
        <v>37</v>
      </c>
      <c r="V211" s="3" t="s">
        <v>37</v>
      </c>
    </row>
    <row r="212" spans="1:22" ht="14.45" customHeight="1" x14ac:dyDescent="0.25">
      <c r="A212" s="3" t="s">
        <v>900</v>
      </c>
      <c r="B212" s="4" t="s">
        <v>632</v>
      </c>
      <c r="C212" s="3" t="s">
        <v>633</v>
      </c>
      <c r="D212" s="5" t="s">
        <v>138</v>
      </c>
      <c r="E212" s="3" t="s">
        <v>924</v>
      </c>
      <c r="F212" s="3" t="s">
        <v>934</v>
      </c>
      <c r="G212" s="3" t="s">
        <v>43</v>
      </c>
      <c r="H212" s="3" t="s">
        <v>29</v>
      </c>
      <c r="I212" s="3" t="s">
        <v>1356</v>
      </c>
      <c r="J212" s="3" t="s">
        <v>936</v>
      </c>
      <c r="K212" s="3" t="s">
        <v>32</v>
      </c>
      <c r="L212" s="3" t="s">
        <v>33</v>
      </c>
      <c r="M212" s="3" t="s">
        <v>928</v>
      </c>
      <c r="N212" s="3" t="s">
        <v>159</v>
      </c>
      <c r="O212" s="3" t="s">
        <v>166</v>
      </c>
      <c r="P212" s="3" t="s">
        <v>37</v>
      </c>
      <c r="Q212" s="3" t="s">
        <v>37</v>
      </c>
      <c r="R212" s="3" t="s">
        <v>39</v>
      </c>
      <c r="S212" s="3" t="s">
        <v>937</v>
      </c>
      <c r="T212" s="3" t="s">
        <v>37</v>
      </c>
      <c r="U212" s="3" t="s">
        <v>37</v>
      </c>
      <c r="V212" s="3" t="s">
        <v>37</v>
      </c>
    </row>
    <row r="213" spans="1:22" ht="14.45" customHeight="1" x14ac:dyDescent="0.25">
      <c r="A213" s="3" t="s">
        <v>900</v>
      </c>
      <c r="B213" s="4" t="s">
        <v>632</v>
      </c>
      <c r="C213" s="3" t="s">
        <v>633</v>
      </c>
      <c r="D213" s="5" t="s">
        <v>684</v>
      </c>
      <c r="E213" s="3" t="s">
        <v>924</v>
      </c>
      <c r="F213" s="3" t="s">
        <v>1074</v>
      </c>
      <c r="G213" s="3" t="s">
        <v>554</v>
      </c>
      <c r="H213" s="3" t="s">
        <v>29</v>
      </c>
      <c r="I213" s="3" t="s">
        <v>1356</v>
      </c>
      <c r="J213" s="7" t="s">
        <v>927</v>
      </c>
      <c r="K213" s="3" t="s">
        <v>32</v>
      </c>
      <c r="L213" s="3" t="s">
        <v>33</v>
      </c>
      <c r="M213" s="3" t="s">
        <v>928</v>
      </c>
      <c r="N213" s="3" t="s">
        <v>159</v>
      </c>
      <c r="O213" s="3" t="s">
        <v>166</v>
      </c>
      <c r="P213" s="3" t="s">
        <v>37</v>
      </c>
      <c r="Q213" s="3" t="s">
        <v>37</v>
      </c>
      <c r="R213" s="3" t="s">
        <v>39</v>
      </c>
      <c r="S213" s="3" t="s">
        <v>1099</v>
      </c>
      <c r="T213" s="3" t="s">
        <v>37</v>
      </c>
      <c r="U213" s="3" t="s">
        <v>37</v>
      </c>
      <c r="V213" s="3" t="s">
        <v>37</v>
      </c>
    </row>
    <row r="214" spans="1:22" ht="14.45" customHeight="1" x14ac:dyDescent="0.25">
      <c r="A214" s="3" t="s">
        <v>900</v>
      </c>
      <c r="B214" s="4" t="s">
        <v>632</v>
      </c>
      <c r="C214" s="3" t="s">
        <v>633</v>
      </c>
      <c r="D214" s="5" t="s">
        <v>1261</v>
      </c>
      <c r="E214" s="3" t="s">
        <v>924</v>
      </c>
      <c r="F214" s="3" t="s">
        <v>1100</v>
      </c>
      <c r="G214" s="3" t="s">
        <v>118</v>
      </c>
      <c r="H214" s="3" t="s">
        <v>29</v>
      </c>
      <c r="I214" s="3" t="s">
        <v>1354</v>
      </c>
      <c r="J214" s="3" t="s">
        <v>1101</v>
      </c>
      <c r="K214" s="3" t="s">
        <v>32</v>
      </c>
      <c r="L214" s="3" t="s">
        <v>33</v>
      </c>
      <c r="M214" s="3" t="s">
        <v>928</v>
      </c>
      <c r="N214" s="3" t="s">
        <v>159</v>
      </c>
      <c r="O214" s="3" t="s">
        <v>166</v>
      </c>
      <c r="P214" s="3" t="s">
        <v>37</v>
      </c>
      <c r="Q214" s="3" t="s">
        <v>37</v>
      </c>
      <c r="R214" s="3" t="s">
        <v>39</v>
      </c>
      <c r="S214" s="3" t="s">
        <v>1102</v>
      </c>
      <c r="T214" s="3" t="s">
        <v>37</v>
      </c>
      <c r="U214" s="3" t="s">
        <v>37</v>
      </c>
      <c r="V214" s="3" t="s">
        <v>37</v>
      </c>
    </row>
    <row r="215" spans="1:22" ht="14.45" customHeight="1" x14ac:dyDescent="0.25">
      <c r="A215" s="3" t="s">
        <v>900</v>
      </c>
      <c r="B215" s="4" t="s">
        <v>632</v>
      </c>
      <c r="C215" s="3" t="s">
        <v>633</v>
      </c>
      <c r="D215" s="5" t="s">
        <v>992</v>
      </c>
      <c r="E215" s="3" t="s">
        <v>924</v>
      </c>
      <c r="F215" s="3" t="s">
        <v>1071</v>
      </c>
      <c r="G215" s="3" t="s">
        <v>379</v>
      </c>
      <c r="H215" s="3" t="s">
        <v>29</v>
      </c>
      <c r="I215" s="3" t="s">
        <v>1354</v>
      </c>
      <c r="J215" s="7" t="s">
        <v>927</v>
      </c>
      <c r="K215" s="3" t="s">
        <v>32</v>
      </c>
      <c r="L215" s="3" t="s">
        <v>33</v>
      </c>
      <c r="M215" s="3" t="s">
        <v>928</v>
      </c>
      <c r="N215" s="3" t="s">
        <v>159</v>
      </c>
      <c r="O215" s="3" t="s">
        <v>166</v>
      </c>
      <c r="P215" s="3" t="s">
        <v>37</v>
      </c>
      <c r="Q215" s="3" t="s">
        <v>37</v>
      </c>
      <c r="R215" s="3" t="s">
        <v>39</v>
      </c>
      <c r="S215" s="3" t="s">
        <v>1212</v>
      </c>
      <c r="T215" s="3" t="s">
        <v>37</v>
      </c>
      <c r="U215" s="3" t="s">
        <v>37</v>
      </c>
      <c r="V215" s="3" t="s">
        <v>37</v>
      </c>
    </row>
    <row r="216" spans="1:22" ht="14.45" customHeight="1" x14ac:dyDescent="0.25">
      <c r="A216" s="3" t="s">
        <v>900</v>
      </c>
      <c r="B216" s="4" t="s">
        <v>632</v>
      </c>
      <c r="C216" s="3" t="s">
        <v>633</v>
      </c>
      <c r="D216" s="5" t="s">
        <v>1263</v>
      </c>
      <c r="E216" s="3" t="s">
        <v>924</v>
      </c>
      <c r="F216" s="3" t="s">
        <v>1073</v>
      </c>
      <c r="G216" s="3" t="s">
        <v>369</v>
      </c>
      <c r="H216" s="3" t="s">
        <v>29</v>
      </c>
      <c r="I216" s="3" t="s">
        <v>1356</v>
      </c>
      <c r="J216" s="7" t="s">
        <v>927</v>
      </c>
      <c r="K216" s="3" t="s">
        <v>32</v>
      </c>
      <c r="L216" s="3" t="s">
        <v>33</v>
      </c>
      <c r="M216" s="3" t="s">
        <v>928</v>
      </c>
      <c r="N216" s="3" t="s">
        <v>159</v>
      </c>
      <c r="O216" s="3" t="s">
        <v>166</v>
      </c>
      <c r="P216" s="3" t="s">
        <v>37</v>
      </c>
      <c r="Q216" s="3" t="s">
        <v>37</v>
      </c>
      <c r="R216" s="3" t="s">
        <v>39</v>
      </c>
      <c r="S216" s="3" t="s">
        <v>1360</v>
      </c>
      <c r="T216" s="3" t="s">
        <v>37</v>
      </c>
      <c r="U216" s="3" t="s">
        <v>37</v>
      </c>
      <c r="V216" s="3" t="s">
        <v>37</v>
      </c>
    </row>
    <row r="217" spans="1:22" ht="14.45" customHeight="1" x14ac:dyDescent="0.25">
      <c r="A217" s="3" t="s">
        <v>900</v>
      </c>
      <c r="B217" s="4" t="s">
        <v>632</v>
      </c>
      <c r="C217" s="3" t="s">
        <v>633</v>
      </c>
      <c r="D217" s="5" t="s">
        <v>152</v>
      </c>
      <c r="E217" s="3" t="s">
        <v>924</v>
      </c>
      <c r="F217" s="3" t="s">
        <v>1300</v>
      </c>
      <c r="G217" s="3" t="s">
        <v>607</v>
      </c>
      <c r="H217" s="3" t="s">
        <v>29</v>
      </c>
      <c r="I217" s="3" t="s">
        <v>1356</v>
      </c>
      <c r="J217" s="7" t="s">
        <v>927</v>
      </c>
      <c r="K217" s="3" t="s">
        <v>32</v>
      </c>
      <c r="L217" s="3" t="s">
        <v>33</v>
      </c>
      <c r="M217" s="3" t="s">
        <v>928</v>
      </c>
      <c r="N217" s="3" t="s">
        <v>159</v>
      </c>
      <c r="O217" s="3" t="s">
        <v>166</v>
      </c>
      <c r="P217" s="3" t="s">
        <v>37</v>
      </c>
      <c r="Q217" s="3" t="s">
        <v>37</v>
      </c>
      <c r="R217" s="3" t="s">
        <v>39</v>
      </c>
      <c r="S217" s="3" t="s">
        <v>1301</v>
      </c>
      <c r="T217" s="3" t="s">
        <v>37</v>
      </c>
      <c r="U217" s="3" t="s">
        <v>37</v>
      </c>
      <c r="V217" s="3" t="s">
        <v>37</v>
      </c>
    </row>
    <row r="218" spans="1:22" ht="14.45" customHeight="1" x14ac:dyDescent="0.25">
      <c r="A218" s="3" t="s">
        <v>900</v>
      </c>
      <c r="B218" s="4" t="s">
        <v>632</v>
      </c>
      <c r="C218" s="3" t="s">
        <v>633</v>
      </c>
      <c r="D218" s="5" t="s">
        <v>154</v>
      </c>
      <c r="E218" s="3" t="s">
        <v>919</v>
      </c>
      <c r="F218" s="3" t="s">
        <v>1394</v>
      </c>
      <c r="G218" s="3" t="s">
        <v>50</v>
      </c>
      <c r="H218" s="3" t="s">
        <v>29</v>
      </c>
      <c r="I218" s="3" t="s">
        <v>37</v>
      </c>
      <c r="J218" s="3" t="s">
        <v>1395</v>
      </c>
      <c r="K218" s="3" t="s">
        <v>32</v>
      </c>
      <c r="L218" s="3" t="s">
        <v>33</v>
      </c>
      <c r="M218" s="3" t="s">
        <v>69</v>
      </c>
      <c r="N218" s="3" t="s">
        <v>53</v>
      </c>
      <c r="O218" s="3" t="s">
        <v>54</v>
      </c>
      <c r="P218" s="3" t="s">
        <v>37</v>
      </c>
      <c r="Q218" s="3" t="s">
        <v>37</v>
      </c>
      <c r="R218" s="3" t="s">
        <v>39</v>
      </c>
      <c r="S218" s="3" t="s">
        <v>1396</v>
      </c>
      <c r="T218" s="3" t="s">
        <v>37</v>
      </c>
      <c r="U218" s="3" t="s">
        <v>37</v>
      </c>
      <c r="V218" s="3" t="s">
        <v>37</v>
      </c>
    </row>
    <row r="219" spans="1:22" ht="14.45" customHeight="1" x14ac:dyDescent="0.25">
      <c r="A219" s="3" t="s">
        <v>900</v>
      </c>
      <c r="B219" s="4" t="s">
        <v>632</v>
      </c>
      <c r="C219" s="3" t="s">
        <v>633</v>
      </c>
      <c r="D219" s="5" t="s">
        <v>161</v>
      </c>
      <c r="E219" s="3" t="s">
        <v>478</v>
      </c>
      <c r="F219" s="3" t="s">
        <v>1178</v>
      </c>
      <c r="G219" s="3" t="s">
        <v>910</v>
      </c>
      <c r="H219" s="3" t="s">
        <v>180</v>
      </c>
      <c r="I219" s="3" t="s">
        <v>37</v>
      </c>
      <c r="J219" s="3" t="s">
        <v>1179</v>
      </c>
      <c r="K219" s="3" t="s">
        <v>32</v>
      </c>
      <c r="L219" s="3" t="s">
        <v>33</v>
      </c>
      <c r="M219" s="3" t="s">
        <v>34</v>
      </c>
      <c r="N219" s="3" t="s">
        <v>159</v>
      </c>
      <c r="O219" s="3" t="s">
        <v>37</v>
      </c>
      <c r="P219" s="3" t="s">
        <v>37</v>
      </c>
      <c r="Q219" s="3" t="s">
        <v>37</v>
      </c>
      <c r="R219" s="3" t="s">
        <v>39</v>
      </c>
      <c r="S219" s="3" t="s">
        <v>1180</v>
      </c>
      <c r="T219" s="3" t="s">
        <v>37</v>
      </c>
      <c r="U219" s="3" t="s">
        <v>37</v>
      </c>
      <c r="V219" s="3" t="s">
        <v>37</v>
      </c>
    </row>
    <row r="220" spans="1:22" ht="14.45" customHeight="1" x14ac:dyDescent="0.25">
      <c r="A220" s="3" t="s">
        <v>900</v>
      </c>
      <c r="B220" s="4" t="s">
        <v>632</v>
      </c>
      <c r="C220" s="3" t="s">
        <v>633</v>
      </c>
      <c r="D220" s="5" t="s">
        <v>1009</v>
      </c>
      <c r="E220" s="3" t="s">
        <v>924</v>
      </c>
      <c r="F220" s="3" t="s">
        <v>1070</v>
      </c>
      <c r="G220" s="3" t="s">
        <v>247</v>
      </c>
      <c r="H220" s="3" t="s">
        <v>29</v>
      </c>
      <c r="I220" s="3" t="s">
        <v>1356</v>
      </c>
      <c r="J220" s="7" t="s">
        <v>927</v>
      </c>
      <c r="K220" s="3" t="s">
        <v>32</v>
      </c>
      <c r="L220" s="3" t="s">
        <v>33</v>
      </c>
      <c r="M220" s="3" t="s">
        <v>928</v>
      </c>
      <c r="N220" s="3" t="s">
        <v>159</v>
      </c>
      <c r="O220" s="3" t="s">
        <v>166</v>
      </c>
      <c r="P220" s="3" t="s">
        <v>37</v>
      </c>
      <c r="Q220" s="3" t="s">
        <v>37</v>
      </c>
      <c r="R220" s="3" t="s">
        <v>39</v>
      </c>
      <c r="S220" s="3" t="s">
        <v>1422</v>
      </c>
      <c r="T220" s="3" t="s">
        <v>126</v>
      </c>
      <c r="U220" s="3" t="s">
        <v>37</v>
      </c>
      <c r="V220" s="3" t="s">
        <v>37</v>
      </c>
    </row>
    <row r="221" spans="1:22" ht="14.45" customHeight="1" x14ac:dyDescent="0.25">
      <c r="A221" s="3" t="s">
        <v>900</v>
      </c>
      <c r="B221" s="4" t="s">
        <v>632</v>
      </c>
      <c r="C221" s="3" t="s">
        <v>633</v>
      </c>
      <c r="D221" s="5" t="s">
        <v>172</v>
      </c>
      <c r="E221" s="3" t="s">
        <v>924</v>
      </c>
      <c r="F221" s="3" t="s">
        <v>1214</v>
      </c>
      <c r="G221" s="3" t="s">
        <v>157</v>
      </c>
      <c r="H221" s="3" t="s">
        <v>29</v>
      </c>
      <c r="I221" s="3" t="s">
        <v>1356</v>
      </c>
      <c r="J221" s="7" t="s">
        <v>927</v>
      </c>
      <c r="K221" s="3" t="s">
        <v>32</v>
      </c>
      <c r="L221" s="3" t="s">
        <v>33</v>
      </c>
      <c r="M221" s="3" t="s">
        <v>928</v>
      </c>
      <c r="N221" s="3" t="s">
        <v>159</v>
      </c>
      <c r="O221" s="3" t="s">
        <v>166</v>
      </c>
      <c r="P221" s="3" t="s">
        <v>37</v>
      </c>
      <c r="Q221" s="3" t="s">
        <v>37</v>
      </c>
      <c r="R221" s="3" t="s">
        <v>39</v>
      </c>
      <c r="S221" s="3" t="s">
        <v>1215</v>
      </c>
      <c r="T221" s="3" t="s">
        <v>37</v>
      </c>
      <c r="U221" s="3" t="s">
        <v>37</v>
      </c>
      <c r="V221" s="3" t="s">
        <v>37</v>
      </c>
    </row>
    <row r="222" spans="1:22" ht="14.45" customHeight="1" x14ac:dyDescent="0.25">
      <c r="A222" s="3" t="s">
        <v>900</v>
      </c>
      <c r="B222" s="4" t="s">
        <v>632</v>
      </c>
      <c r="C222" s="3" t="s">
        <v>633</v>
      </c>
      <c r="D222" s="5" t="s">
        <v>1014</v>
      </c>
      <c r="E222" s="3" t="s">
        <v>924</v>
      </c>
      <c r="F222" s="3" t="s">
        <v>1216</v>
      </c>
      <c r="G222" s="3" t="s">
        <v>98</v>
      </c>
      <c r="H222" s="3" t="s">
        <v>29</v>
      </c>
      <c r="I222" s="3" t="s">
        <v>1354</v>
      </c>
      <c r="J222" s="7" t="s">
        <v>927</v>
      </c>
      <c r="K222" s="3" t="s">
        <v>32</v>
      </c>
      <c r="L222" s="3" t="s">
        <v>33</v>
      </c>
      <c r="M222" s="3" t="s">
        <v>928</v>
      </c>
      <c r="N222" s="3" t="s">
        <v>159</v>
      </c>
      <c r="O222" s="3" t="s">
        <v>166</v>
      </c>
      <c r="P222" s="3" t="s">
        <v>37</v>
      </c>
      <c r="Q222" s="3" t="s">
        <v>37</v>
      </c>
      <c r="R222" s="3" t="s">
        <v>39</v>
      </c>
      <c r="S222" s="3" t="s">
        <v>1217</v>
      </c>
      <c r="T222" s="3" t="s">
        <v>37</v>
      </c>
      <c r="U222" s="3" t="s">
        <v>37</v>
      </c>
      <c r="V222" s="3" t="s">
        <v>37</v>
      </c>
    </row>
    <row r="223" spans="1:22" ht="14.45" customHeight="1" x14ac:dyDescent="0.25">
      <c r="A223" s="3" t="s">
        <v>900</v>
      </c>
      <c r="B223" s="4" t="s">
        <v>632</v>
      </c>
      <c r="C223" s="3" t="s">
        <v>633</v>
      </c>
      <c r="D223" s="5" t="s">
        <v>1018</v>
      </c>
      <c r="E223" s="3" t="s">
        <v>949</v>
      </c>
      <c r="F223" s="3" t="s">
        <v>1273</v>
      </c>
      <c r="G223" s="3" t="s">
        <v>1380</v>
      </c>
      <c r="H223" s="3" t="s">
        <v>50</v>
      </c>
      <c r="I223" s="3" t="s">
        <v>37</v>
      </c>
      <c r="J223" s="3" t="s">
        <v>1275</v>
      </c>
      <c r="K223" s="3" t="s">
        <v>32</v>
      </c>
      <c r="L223" s="3" t="s">
        <v>33</v>
      </c>
      <c r="M223" s="3" t="s">
        <v>69</v>
      </c>
      <c r="N223" s="3" t="s">
        <v>159</v>
      </c>
      <c r="O223" s="3" t="s">
        <v>37</v>
      </c>
      <c r="P223" s="3" t="s">
        <v>37</v>
      </c>
      <c r="Q223" s="3" t="s">
        <v>37</v>
      </c>
      <c r="R223" s="3" t="s">
        <v>39</v>
      </c>
      <c r="S223" s="3" t="s">
        <v>1423</v>
      </c>
      <c r="T223" s="3" t="s">
        <v>126</v>
      </c>
      <c r="U223" s="3" t="s">
        <v>37</v>
      </c>
      <c r="V223" s="3" t="s">
        <v>37</v>
      </c>
    </row>
    <row r="224" spans="1:22" ht="14.45" customHeight="1" x14ac:dyDescent="0.25">
      <c r="A224" s="3" t="s">
        <v>900</v>
      </c>
      <c r="B224" s="4" t="s">
        <v>632</v>
      </c>
      <c r="C224" s="3" t="s">
        <v>633</v>
      </c>
      <c r="D224" s="5" t="s">
        <v>176</v>
      </c>
      <c r="E224" s="3" t="s">
        <v>949</v>
      </c>
      <c r="F224" s="3" t="s">
        <v>1273</v>
      </c>
      <c r="G224" s="3" t="s">
        <v>1311</v>
      </c>
      <c r="H224" s="3" t="s">
        <v>50</v>
      </c>
      <c r="I224" s="3" t="s">
        <v>37</v>
      </c>
      <c r="J224" s="3" t="s">
        <v>1275</v>
      </c>
      <c r="K224" s="3" t="s">
        <v>32</v>
      </c>
      <c r="L224" s="3" t="s">
        <v>33</v>
      </c>
      <c r="M224" s="3" t="s">
        <v>69</v>
      </c>
      <c r="N224" s="3" t="s">
        <v>159</v>
      </c>
      <c r="O224" s="3" t="s">
        <v>37</v>
      </c>
      <c r="P224" s="3" t="s">
        <v>37</v>
      </c>
      <c r="Q224" s="3" t="s">
        <v>37</v>
      </c>
      <c r="R224" s="3" t="s">
        <v>39</v>
      </c>
      <c r="S224" s="3" t="s">
        <v>1361</v>
      </c>
      <c r="T224" s="3" t="s">
        <v>37</v>
      </c>
      <c r="U224" s="3" t="s">
        <v>37</v>
      </c>
      <c r="V224" s="3" t="s">
        <v>37</v>
      </c>
    </row>
    <row r="225" spans="1:22" ht="14.45" customHeight="1" x14ac:dyDescent="0.25">
      <c r="A225" s="3" t="s">
        <v>900</v>
      </c>
      <c r="B225" s="4" t="s">
        <v>632</v>
      </c>
      <c r="C225" s="3" t="s">
        <v>633</v>
      </c>
      <c r="D225" s="5" t="s">
        <v>1023</v>
      </c>
      <c r="E225" s="3" t="s">
        <v>1024</v>
      </c>
      <c r="F225" s="3" t="s">
        <v>1424</v>
      </c>
      <c r="G225" s="3" t="s">
        <v>486</v>
      </c>
      <c r="H225" s="3" t="s">
        <v>60</v>
      </c>
      <c r="I225" s="3" t="s">
        <v>1365</v>
      </c>
      <c r="J225" s="3" t="s">
        <v>1282</v>
      </c>
      <c r="K225" s="3" t="s">
        <v>32</v>
      </c>
      <c r="L225" s="3" t="s">
        <v>33</v>
      </c>
      <c r="M225" s="3" t="s">
        <v>69</v>
      </c>
      <c r="N225" s="3" t="s">
        <v>159</v>
      </c>
      <c r="O225" s="3" t="s">
        <v>37</v>
      </c>
      <c r="P225" s="3" t="s">
        <v>37</v>
      </c>
      <c r="Q225" s="3" t="s">
        <v>37</v>
      </c>
      <c r="R225" s="3" t="s">
        <v>39</v>
      </c>
      <c r="S225" s="3" t="s">
        <v>1425</v>
      </c>
      <c r="T225" s="3" t="s">
        <v>126</v>
      </c>
      <c r="U225" s="3" t="s">
        <v>37</v>
      </c>
      <c r="V225" s="3" t="s">
        <v>37</v>
      </c>
    </row>
    <row r="226" spans="1:22" ht="14.45" customHeight="1" x14ac:dyDescent="0.25">
      <c r="A226" s="3" t="s">
        <v>900</v>
      </c>
      <c r="B226" s="4" t="s">
        <v>632</v>
      </c>
      <c r="C226" s="3" t="s">
        <v>633</v>
      </c>
      <c r="D226" s="5" t="s">
        <v>1284</v>
      </c>
      <c r="E226" s="3" t="s">
        <v>1024</v>
      </c>
      <c r="F226" s="3" t="s">
        <v>1362</v>
      </c>
      <c r="G226" s="3" t="s">
        <v>480</v>
      </c>
      <c r="H226" s="3" t="s">
        <v>60</v>
      </c>
      <c r="I226" s="3" t="s">
        <v>1363</v>
      </c>
      <c r="J226" s="3" t="s">
        <v>1282</v>
      </c>
      <c r="K226" s="3" t="s">
        <v>32</v>
      </c>
      <c r="L226" s="3" t="s">
        <v>33</v>
      </c>
      <c r="M226" s="3" t="s">
        <v>69</v>
      </c>
      <c r="N226" s="3" t="s">
        <v>159</v>
      </c>
      <c r="O226" s="3" t="s">
        <v>37</v>
      </c>
      <c r="P226" s="3" t="s">
        <v>37</v>
      </c>
      <c r="Q226" s="3" t="s">
        <v>37</v>
      </c>
      <c r="R226" s="3" t="s">
        <v>39</v>
      </c>
      <c r="S226" s="3" t="s">
        <v>1364</v>
      </c>
      <c r="T226" s="3" t="s">
        <v>37</v>
      </c>
      <c r="U226" s="3" t="s">
        <v>37</v>
      </c>
      <c r="V226" s="3" t="s">
        <v>37</v>
      </c>
    </row>
    <row r="227" spans="1:22" ht="14.45" customHeight="1" x14ac:dyDescent="0.25">
      <c r="A227" s="3" t="s">
        <v>900</v>
      </c>
      <c r="B227" s="4" t="s">
        <v>632</v>
      </c>
      <c r="C227" s="3" t="s">
        <v>633</v>
      </c>
      <c r="D227" s="5" t="s">
        <v>1029</v>
      </c>
      <c r="E227" s="3" t="s">
        <v>978</v>
      </c>
      <c r="F227" s="3" t="s">
        <v>1426</v>
      </c>
      <c r="G227" s="3" t="s">
        <v>98</v>
      </c>
      <c r="H227" s="3" t="s">
        <v>60</v>
      </c>
      <c r="I227" s="3" t="s">
        <v>37</v>
      </c>
      <c r="J227" s="3" t="s">
        <v>1427</v>
      </c>
      <c r="K227" s="3" t="s">
        <v>32</v>
      </c>
      <c r="L227" s="3" t="s">
        <v>33</v>
      </c>
      <c r="M227" s="3" t="s">
        <v>69</v>
      </c>
      <c r="N227" s="3" t="s">
        <v>53</v>
      </c>
      <c r="O227" s="3" t="s">
        <v>113</v>
      </c>
      <c r="P227" s="3" t="s">
        <v>37</v>
      </c>
      <c r="Q227" s="3" t="s">
        <v>37</v>
      </c>
      <c r="R227" s="3" t="s">
        <v>39</v>
      </c>
      <c r="S227" s="3" t="s">
        <v>1428</v>
      </c>
      <c r="T227" s="3" t="s">
        <v>37</v>
      </c>
      <c r="U227" s="3" t="s">
        <v>37</v>
      </c>
      <c r="V227" s="3" t="s">
        <v>37</v>
      </c>
    </row>
    <row r="228" spans="1:22" ht="14.45" customHeight="1" x14ac:dyDescent="0.25">
      <c r="A228" s="3" t="s">
        <v>900</v>
      </c>
      <c r="B228" s="4" t="s">
        <v>632</v>
      </c>
      <c r="C228" s="3" t="s">
        <v>633</v>
      </c>
      <c r="D228" s="5" t="s">
        <v>1287</v>
      </c>
      <c r="E228" s="3" t="s">
        <v>478</v>
      </c>
      <c r="F228" s="3" t="s">
        <v>1178</v>
      </c>
      <c r="G228" s="3" t="s">
        <v>910</v>
      </c>
      <c r="H228" s="3" t="s">
        <v>180</v>
      </c>
      <c r="I228" s="3" t="s">
        <v>37</v>
      </c>
      <c r="J228" s="3" t="s">
        <v>1179</v>
      </c>
      <c r="K228" s="3" t="s">
        <v>32</v>
      </c>
      <c r="L228" s="3" t="s">
        <v>33</v>
      </c>
      <c r="M228" s="3" t="s">
        <v>34</v>
      </c>
      <c r="N228" s="3" t="s">
        <v>159</v>
      </c>
      <c r="O228" s="3" t="s">
        <v>37</v>
      </c>
      <c r="P228" s="3" t="s">
        <v>37</v>
      </c>
      <c r="Q228" s="3" t="s">
        <v>37</v>
      </c>
      <c r="R228" s="3" t="s">
        <v>39</v>
      </c>
      <c r="S228" s="3" t="s">
        <v>1180</v>
      </c>
      <c r="T228" s="3" t="s">
        <v>37</v>
      </c>
      <c r="U228" s="3" t="s">
        <v>37</v>
      </c>
      <c r="V228" s="3" t="s">
        <v>37</v>
      </c>
    </row>
    <row r="229" spans="1:22" ht="14.45" customHeight="1" x14ac:dyDescent="0.25">
      <c r="A229" s="3" t="s">
        <v>900</v>
      </c>
      <c r="B229" s="4" t="s">
        <v>632</v>
      </c>
      <c r="C229" s="3" t="s">
        <v>633</v>
      </c>
      <c r="D229" s="5" t="s">
        <v>1030</v>
      </c>
      <c r="E229" s="3" t="s">
        <v>1004</v>
      </c>
      <c r="F229" s="3" t="s">
        <v>1429</v>
      </c>
      <c r="G229" s="3" t="s">
        <v>321</v>
      </c>
      <c r="H229" s="3" t="s">
        <v>60</v>
      </c>
      <c r="I229" s="3" t="s">
        <v>37</v>
      </c>
      <c r="J229" s="3" t="s">
        <v>1430</v>
      </c>
      <c r="K229" s="3" t="s">
        <v>32</v>
      </c>
      <c r="L229" s="3" t="s">
        <v>33</v>
      </c>
      <c r="M229" s="3" t="s">
        <v>69</v>
      </c>
      <c r="N229" s="3" t="s">
        <v>79</v>
      </c>
      <c r="O229" s="3" t="s">
        <v>54</v>
      </c>
      <c r="P229" s="3" t="s">
        <v>55</v>
      </c>
      <c r="Q229" s="3" t="s">
        <v>37</v>
      </c>
      <c r="R229" s="3" t="s">
        <v>39</v>
      </c>
      <c r="S229" s="3" t="s">
        <v>1431</v>
      </c>
      <c r="T229" s="3" t="s">
        <v>37</v>
      </c>
      <c r="U229" s="3" t="s">
        <v>37</v>
      </c>
      <c r="V229" s="3" t="s">
        <v>37</v>
      </c>
    </row>
    <row r="230" spans="1:22" ht="14.45" customHeight="1" x14ac:dyDescent="0.25">
      <c r="A230" s="3" t="s">
        <v>900</v>
      </c>
      <c r="B230" s="4" t="s">
        <v>632</v>
      </c>
      <c r="C230" s="3" t="s">
        <v>633</v>
      </c>
      <c r="D230" s="5" t="s">
        <v>333</v>
      </c>
      <c r="E230" s="3" t="s">
        <v>993</v>
      </c>
      <c r="F230" s="3" t="s">
        <v>1432</v>
      </c>
      <c r="G230" s="3" t="s">
        <v>1278</v>
      </c>
      <c r="H230" s="3" t="s">
        <v>50</v>
      </c>
      <c r="I230" s="3" t="s">
        <v>996</v>
      </c>
      <c r="J230" s="3" t="s">
        <v>1433</v>
      </c>
      <c r="K230" s="3" t="s">
        <v>32</v>
      </c>
      <c r="L230" s="3" t="s">
        <v>33</v>
      </c>
      <c r="M230" s="3" t="s">
        <v>69</v>
      </c>
      <c r="N230" s="3" t="s">
        <v>131</v>
      </c>
      <c r="O230" s="3" t="s">
        <v>54</v>
      </c>
      <c r="P230" s="3" t="s">
        <v>37</v>
      </c>
      <c r="Q230" s="3" t="s">
        <v>37</v>
      </c>
      <c r="R230" s="3" t="s">
        <v>39</v>
      </c>
      <c r="S230" s="3" t="s">
        <v>1434</v>
      </c>
      <c r="T230" s="3" t="s">
        <v>37</v>
      </c>
      <c r="U230" s="3" t="s">
        <v>37</v>
      </c>
      <c r="V230" s="3" t="s">
        <v>37</v>
      </c>
    </row>
    <row r="231" spans="1:22" ht="14.45" customHeight="1" x14ac:dyDescent="0.25">
      <c r="A231" s="3" t="s">
        <v>900</v>
      </c>
      <c r="B231" s="4" t="s">
        <v>632</v>
      </c>
      <c r="C231" s="3" t="s">
        <v>633</v>
      </c>
      <c r="D231" s="5" t="s">
        <v>193</v>
      </c>
      <c r="E231" s="3" t="s">
        <v>987</v>
      </c>
      <c r="F231" s="3" t="s">
        <v>1435</v>
      </c>
      <c r="G231" s="3" t="s">
        <v>1436</v>
      </c>
      <c r="H231" s="3" t="s">
        <v>50</v>
      </c>
      <c r="I231" s="3" t="s">
        <v>1376</v>
      </c>
      <c r="J231" s="3" t="s">
        <v>1437</v>
      </c>
      <c r="K231" s="3" t="s">
        <v>32</v>
      </c>
      <c r="L231" s="3" t="s">
        <v>33</v>
      </c>
      <c r="M231" s="3" t="s">
        <v>69</v>
      </c>
      <c r="N231" s="3" t="s">
        <v>212</v>
      </c>
      <c r="O231" s="3" t="s">
        <v>113</v>
      </c>
      <c r="P231" s="3" t="s">
        <v>37</v>
      </c>
      <c r="Q231" s="3" t="s">
        <v>37</v>
      </c>
      <c r="R231" s="3" t="s">
        <v>39</v>
      </c>
      <c r="S231" s="3" t="s">
        <v>1438</v>
      </c>
      <c r="T231" s="3" t="s">
        <v>37</v>
      </c>
      <c r="U231" s="3" t="s">
        <v>37</v>
      </c>
      <c r="V231" s="3" t="s">
        <v>37</v>
      </c>
    </row>
    <row r="232" spans="1:22" ht="14.45" customHeight="1" x14ac:dyDescent="0.25">
      <c r="A232" s="3" t="s">
        <v>900</v>
      </c>
      <c r="B232" s="4" t="s">
        <v>632</v>
      </c>
      <c r="C232" s="3" t="s">
        <v>633</v>
      </c>
      <c r="D232" s="5" t="s">
        <v>477</v>
      </c>
      <c r="E232" s="3" t="s">
        <v>924</v>
      </c>
      <c r="F232" s="3" t="s">
        <v>1303</v>
      </c>
      <c r="G232" s="3" t="s">
        <v>455</v>
      </c>
      <c r="H232" s="3" t="s">
        <v>29</v>
      </c>
      <c r="I232" s="3" t="s">
        <v>1354</v>
      </c>
      <c r="J232" s="7" t="s">
        <v>927</v>
      </c>
      <c r="K232" s="3" t="s">
        <v>32</v>
      </c>
      <c r="L232" s="3" t="s">
        <v>33</v>
      </c>
      <c r="M232" s="3" t="s">
        <v>928</v>
      </c>
      <c r="N232" s="3" t="s">
        <v>159</v>
      </c>
      <c r="O232" s="3" t="s">
        <v>166</v>
      </c>
      <c r="P232" s="3" t="s">
        <v>37</v>
      </c>
      <c r="Q232" s="3" t="s">
        <v>37</v>
      </c>
      <c r="R232" s="3" t="s">
        <v>39</v>
      </c>
      <c r="S232" s="3" t="s">
        <v>1304</v>
      </c>
      <c r="T232" s="3" t="s">
        <v>37</v>
      </c>
      <c r="U232" s="3" t="s">
        <v>37</v>
      </c>
      <c r="V232" s="3" t="s">
        <v>37</v>
      </c>
    </row>
    <row r="233" spans="1:22" ht="14.45" customHeight="1" x14ac:dyDescent="0.25">
      <c r="A233" s="3" t="s">
        <v>900</v>
      </c>
      <c r="B233" s="4" t="s">
        <v>632</v>
      </c>
      <c r="C233" s="3" t="s">
        <v>633</v>
      </c>
      <c r="D233" s="5" t="s">
        <v>1302</v>
      </c>
      <c r="E233" s="3" t="s">
        <v>924</v>
      </c>
      <c r="F233" s="3" t="s">
        <v>1271</v>
      </c>
      <c r="G233" s="3" t="s">
        <v>76</v>
      </c>
      <c r="H233" s="3" t="s">
        <v>29</v>
      </c>
      <c r="I233" s="3" t="s">
        <v>1356</v>
      </c>
      <c r="J233" s="7" t="s">
        <v>927</v>
      </c>
      <c r="K233" s="3" t="s">
        <v>32</v>
      </c>
      <c r="L233" s="3" t="s">
        <v>33</v>
      </c>
      <c r="M233" s="3" t="s">
        <v>928</v>
      </c>
      <c r="N233" s="3" t="s">
        <v>159</v>
      </c>
      <c r="O233" s="3" t="s">
        <v>166</v>
      </c>
      <c r="P233" s="3" t="s">
        <v>37</v>
      </c>
      <c r="Q233" s="3" t="s">
        <v>37</v>
      </c>
      <c r="R233" s="3" t="s">
        <v>39</v>
      </c>
      <c r="S233" s="3" t="s">
        <v>1272</v>
      </c>
      <c r="T233" s="3" t="s">
        <v>37</v>
      </c>
      <c r="U233" s="3" t="s">
        <v>37</v>
      </c>
      <c r="V233" s="3" t="s">
        <v>37</v>
      </c>
    </row>
    <row r="234" spans="1:22" ht="14.45" customHeight="1" x14ac:dyDescent="0.25">
      <c r="A234" s="3" t="s">
        <v>900</v>
      </c>
      <c r="B234" s="4" t="s">
        <v>632</v>
      </c>
      <c r="C234" s="3" t="s">
        <v>633</v>
      </c>
      <c r="D234" s="5" t="s">
        <v>202</v>
      </c>
      <c r="E234" s="3" t="s">
        <v>924</v>
      </c>
      <c r="F234" s="3" t="s">
        <v>1266</v>
      </c>
      <c r="G234" s="3" t="s">
        <v>253</v>
      </c>
      <c r="H234" s="3" t="s">
        <v>29</v>
      </c>
      <c r="I234" s="3" t="s">
        <v>1356</v>
      </c>
      <c r="J234" s="7" t="s">
        <v>927</v>
      </c>
      <c r="K234" s="3" t="s">
        <v>32</v>
      </c>
      <c r="L234" s="3" t="s">
        <v>33</v>
      </c>
      <c r="M234" s="3" t="s">
        <v>928</v>
      </c>
      <c r="N234" s="3" t="s">
        <v>159</v>
      </c>
      <c r="O234" s="3" t="s">
        <v>166</v>
      </c>
      <c r="P234" s="3" t="s">
        <v>37</v>
      </c>
      <c r="Q234" s="3" t="s">
        <v>37</v>
      </c>
      <c r="R234" s="3" t="s">
        <v>39</v>
      </c>
      <c r="S234" s="3" t="s">
        <v>1267</v>
      </c>
      <c r="T234" s="3" t="s">
        <v>37</v>
      </c>
      <c r="U234" s="3" t="s">
        <v>37</v>
      </c>
      <c r="V234" s="3" t="s">
        <v>37</v>
      </c>
    </row>
    <row r="235" spans="1:22" ht="14.45" customHeight="1" x14ac:dyDescent="0.25">
      <c r="A235" s="3" t="s">
        <v>900</v>
      </c>
      <c r="B235" s="4" t="s">
        <v>632</v>
      </c>
      <c r="C235" s="3" t="s">
        <v>633</v>
      </c>
      <c r="D235" s="5" t="s">
        <v>1042</v>
      </c>
      <c r="E235" s="3" t="s">
        <v>949</v>
      </c>
      <c r="F235" s="3" t="s">
        <v>1273</v>
      </c>
      <c r="G235" s="3" t="s">
        <v>1380</v>
      </c>
      <c r="H235" s="3" t="s">
        <v>50</v>
      </c>
      <c r="I235" s="3" t="s">
        <v>37</v>
      </c>
      <c r="J235" s="3" t="s">
        <v>1275</v>
      </c>
      <c r="K235" s="3" t="s">
        <v>32</v>
      </c>
      <c r="L235" s="3" t="s">
        <v>33</v>
      </c>
      <c r="M235" s="3" t="s">
        <v>69</v>
      </c>
      <c r="N235" s="3" t="s">
        <v>159</v>
      </c>
      <c r="O235" s="3" t="s">
        <v>37</v>
      </c>
      <c r="P235" s="3" t="s">
        <v>37</v>
      </c>
      <c r="Q235" s="3" t="s">
        <v>37</v>
      </c>
      <c r="R235" s="3" t="s">
        <v>39</v>
      </c>
      <c r="S235" s="3" t="s">
        <v>1423</v>
      </c>
      <c r="T235" s="3" t="s">
        <v>37</v>
      </c>
      <c r="U235" s="3" t="s">
        <v>37</v>
      </c>
      <c r="V235" s="3" t="s">
        <v>37</v>
      </c>
    </row>
    <row r="236" spans="1:22" ht="14.45" customHeight="1" x14ac:dyDescent="0.25">
      <c r="A236" s="3" t="s">
        <v>900</v>
      </c>
      <c r="B236" s="4" t="s">
        <v>632</v>
      </c>
      <c r="C236" s="3" t="s">
        <v>633</v>
      </c>
      <c r="D236" s="5" t="s">
        <v>1305</v>
      </c>
      <c r="E236" s="3" t="s">
        <v>949</v>
      </c>
      <c r="F236" s="3" t="s">
        <v>1273</v>
      </c>
      <c r="G236" s="3" t="s">
        <v>1311</v>
      </c>
      <c r="H236" s="3" t="s">
        <v>50</v>
      </c>
      <c r="I236" s="3" t="s">
        <v>37</v>
      </c>
      <c r="J236" s="3" t="s">
        <v>1275</v>
      </c>
      <c r="K236" s="3" t="s">
        <v>32</v>
      </c>
      <c r="L236" s="3" t="s">
        <v>33</v>
      </c>
      <c r="M236" s="3" t="s">
        <v>69</v>
      </c>
      <c r="N236" s="3" t="s">
        <v>159</v>
      </c>
      <c r="O236" s="3" t="s">
        <v>37</v>
      </c>
      <c r="P236" s="3" t="s">
        <v>37</v>
      </c>
      <c r="Q236" s="3" t="s">
        <v>37</v>
      </c>
      <c r="R236" s="3" t="s">
        <v>39</v>
      </c>
      <c r="S236" s="3" t="s">
        <v>1361</v>
      </c>
      <c r="T236" s="3" t="s">
        <v>37</v>
      </c>
      <c r="U236" s="3" t="s">
        <v>37</v>
      </c>
      <c r="V236" s="3" t="s">
        <v>37</v>
      </c>
    </row>
    <row r="237" spans="1:22" ht="14.45" customHeight="1" x14ac:dyDescent="0.25">
      <c r="A237" s="3" t="s">
        <v>900</v>
      </c>
      <c r="B237" s="4" t="s">
        <v>632</v>
      </c>
      <c r="C237" s="3" t="s">
        <v>633</v>
      </c>
      <c r="D237" s="5" t="s">
        <v>207</v>
      </c>
      <c r="E237" s="3" t="s">
        <v>1024</v>
      </c>
      <c r="F237" s="3" t="s">
        <v>1424</v>
      </c>
      <c r="G237" s="3" t="s">
        <v>486</v>
      </c>
      <c r="H237" s="3" t="s">
        <v>60</v>
      </c>
      <c r="I237" s="3" t="s">
        <v>1365</v>
      </c>
      <c r="J237" s="3" t="s">
        <v>1282</v>
      </c>
      <c r="K237" s="3" t="s">
        <v>32</v>
      </c>
      <c r="L237" s="3" t="s">
        <v>33</v>
      </c>
      <c r="M237" s="3" t="s">
        <v>69</v>
      </c>
      <c r="N237" s="3" t="s">
        <v>159</v>
      </c>
      <c r="O237" s="3" t="s">
        <v>37</v>
      </c>
      <c r="P237" s="3" t="s">
        <v>37</v>
      </c>
      <c r="Q237" s="3" t="s">
        <v>37</v>
      </c>
      <c r="R237" s="3" t="s">
        <v>39</v>
      </c>
      <c r="S237" s="3" t="s">
        <v>1425</v>
      </c>
      <c r="T237" s="3" t="s">
        <v>37</v>
      </c>
      <c r="U237" s="3" t="s">
        <v>37</v>
      </c>
      <c r="V237" s="3" t="s">
        <v>37</v>
      </c>
    </row>
    <row r="238" spans="1:22" ht="14.45" customHeight="1" x14ac:dyDescent="0.25">
      <c r="A238" s="3" t="s">
        <v>900</v>
      </c>
      <c r="B238" s="4" t="s">
        <v>632</v>
      </c>
      <c r="C238" s="3" t="s">
        <v>633</v>
      </c>
      <c r="D238" s="5" t="s">
        <v>1306</v>
      </c>
      <c r="E238" s="3" t="s">
        <v>1024</v>
      </c>
      <c r="F238" s="3" t="s">
        <v>1362</v>
      </c>
      <c r="G238" s="3" t="s">
        <v>480</v>
      </c>
      <c r="H238" s="3" t="s">
        <v>60</v>
      </c>
      <c r="I238" s="3" t="s">
        <v>1363</v>
      </c>
      <c r="J238" s="3" t="s">
        <v>1282</v>
      </c>
      <c r="K238" s="3" t="s">
        <v>32</v>
      </c>
      <c r="L238" s="3" t="s">
        <v>33</v>
      </c>
      <c r="M238" s="3" t="s">
        <v>69</v>
      </c>
      <c r="N238" s="3" t="s">
        <v>159</v>
      </c>
      <c r="O238" s="3" t="s">
        <v>37</v>
      </c>
      <c r="P238" s="3" t="s">
        <v>37</v>
      </c>
      <c r="Q238" s="3" t="s">
        <v>37</v>
      </c>
      <c r="R238" s="3" t="s">
        <v>39</v>
      </c>
      <c r="S238" s="3" t="s">
        <v>1364</v>
      </c>
      <c r="T238" s="3" t="s">
        <v>37</v>
      </c>
      <c r="U238" s="3" t="s">
        <v>37</v>
      </c>
      <c r="V238" s="3" t="s">
        <v>37</v>
      </c>
    </row>
    <row r="239" spans="1:22" ht="14.45" customHeight="1" x14ac:dyDescent="0.25">
      <c r="A239" s="3" t="s">
        <v>900</v>
      </c>
      <c r="B239" s="4" t="s">
        <v>632</v>
      </c>
      <c r="C239" s="3" t="s">
        <v>633</v>
      </c>
      <c r="D239" s="5" t="s">
        <v>353</v>
      </c>
      <c r="E239" s="3" t="s">
        <v>978</v>
      </c>
      <c r="F239" s="3" t="s">
        <v>1426</v>
      </c>
      <c r="G239" s="3" t="s">
        <v>98</v>
      </c>
      <c r="H239" s="3" t="s">
        <v>60</v>
      </c>
      <c r="I239" s="3" t="s">
        <v>37</v>
      </c>
      <c r="J239" s="3" t="s">
        <v>1427</v>
      </c>
      <c r="K239" s="3" t="s">
        <v>32</v>
      </c>
      <c r="L239" s="3" t="s">
        <v>33</v>
      </c>
      <c r="M239" s="3" t="s">
        <v>69</v>
      </c>
      <c r="N239" s="3" t="s">
        <v>53</v>
      </c>
      <c r="O239" s="3" t="s">
        <v>113</v>
      </c>
      <c r="P239" s="3" t="s">
        <v>37</v>
      </c>
      <c r="Q239" s="3" t="s">
        <v>37</v>
      </c>
      <c r="R239" s="3" t="s">
        <v>39</v>
      </c>
      <c r="S239" s="3" t="s">
        <v>1428</v>
      </c>
      <c r="T239" s="3" t="s">
        <v>37</v>
      </c>
      <c r="U239" s="3" t="s">
        <v>37</v>
      </c>
      <c r="V239" s="3" t="s">
        <v>37</v>
      </c>
    </row>
    <row r="240" spans="1:22" ht="14.45" customHeight="1" x14ac:dyDescent="0.25">
      <c r="A240" s="3" t="s">
        <v>900</v>
      </c>
      <c r="B240" s="4" t="s">
        <v>632</v>
      </c>
      <c r="C240" s="3" t="s">
        <v>633</v>
      </c>
      <c r="D240" s="5" t="s">
        <v>215</v>
      </c>
      <c r="E240" s="3" t="s">
        <v>478</v>
      </c>
      <c r="F240" s="3" t="s">
        <v>1178</v>
      </c>
      <c r="G240" s="3" t="s">
        <v>910</v>
      </c>
      <c r="H240" s="3" t="s">
        <v>180</v>
      </c>
      <c r="I240" s="3" t="s">
        <v>37</v>
      </c>
      <c r="J240" s="3" t="s">
        <v>1179</v>
      </c>
      <c r="K240" s="3" t="s">
        <v>32</v>
      </c>
      <c r="L240" s="3" t="s">
        <v>33</v>
      </c>
      <c r="M240" s="3" t="s">
        <v>34</v>
      </c>
      <c r="N240" s="3" t="s">
        <v>159</v>
      </c>
      <c r="O240" s="3" t="s">
        <v>37</v>
      </c>
      <c r="P240" s="3" t="s">
        <v>37</v>
      </c>
      <c r="Q240" s="3" t="s">
        <v>37</v>
      </c>
      <c r="R240" s="3" t="s">
        <v>39</v>
      </c>
      <c r="S240" s="3" t="s">
        <v>1180</v>
      </c>
      <c r="T240" s="3" t="s">
        <v>37</v>
      </c>
      <c r="U240" s="3" t="s">
        <v>37</v>
      </c>
      <c r="V240" s="3" t="s">
        <v>37</v>
      </c>
    </row>
    <row r="241" spans="1:22" ht="14.45" customHeight="1" x14ac:dyDescent="0.25">
      <c r="A241" s="3" t="s">
        <v>900</v>
      </c>
      <c r="B241" s="4" t="s">
        <v>632</v>
      </c>
      <c r="C241" s="3" t="s">
        <v>633</v>
      </c>
      <c r="D241" s="5" t="s">
        <v>1056</v>
      </c>
      <c r="E241" s="3" t="s">
        <v>1004</v>
      </c>
      <c r="F241" s="3" t="s">
        <v>1429</v>
      </c>
      <c r="G241" s="3" t="s">
        <v>321</v>
      </c>
      <c r="H241" s="3" t="s">
        <v>60</v>
      </c>
      <c r="I241" s="3" t="s">
        <v>37</v>
      </c>
      <c r="J241" s="3" t="s">
        <v>1430</v>
      </c>
      <c r="K241" s="3" t="s">
        <v>32</v>
      </c>
      <c r="L241" s="3" t="s">
        <v>33</v>
      </c>
      <c r="M241" s="3" t="s">
        <v>69</v>
      </c>
      <c r="N241" s="3" t="s">
        <v>79</v>
      </c>
      <c r="O241" s="3" t="s">
        <v>54</v>
      </c>
      <c r="P241" s="3" t="s">
        <v>55</v>
      </c>
      <c r="Q241" s="3" t="s">
        <v>37</v>
      </c>
      <c r="R241" s="3" t="s">
        <v>39</v>
      </c>
      <c r="S241" s="3" t="s">
        <v>1431</v>
      </c>
      <c r="T241" s="3" t="s">
        <v>37</v>
      </c>
      <c r="U241" s="3" t="s">
        <v>37</v>
      </c>
      <c r="V241" s="3" t="s">
        <v>37</v>
      </c>
    </row>
    <row r="242" spans="1:22" ht="14.45" customHeight="1" x14ac:dyDescent="0.25">
      <c r="A242" s="3" t="s">
        <v>900</v>
      </c>
      <c r="B242" s="4" t="s">
        <v>632</v>
      </c>
      <c r="C242" s="3" t="s">
        <v>633</v>
      </c>
      <c r="D242" s="5" t="s">
        <v>217</v>
      </c>
      <c r="E242" s="3" t="s">
        <v>993</v>
      </c>
      <c r="F242" s="3" t="s">
        <v>1432</v>
      </c>
      <c r="G242" s="3" t="s">
        <v>1278</v>
      </c>
      <c r="H242" s="3" t="s">
        <v>50</v>
      </c>
      <c r="I242" s="3" t="s">
        <v>996</v>
      </c>
      <c r="J242" s="3" t="s">
        <v>1433</v>
      </c>
      <c r="K242" s="3" t="s">
        <v>32</v>
      </c>
      <c r="L242" s="3" t="s">
        <v>33</v>
      </c>
      <c r="M242" s="3" t="s">
        <v>69</v>
      </c>
      <c r="N242" s="3" t="s">
        <v>131</v>
      </c>
      <c r="O242" s="3" t="s">
        <v>54</v>
      </c>
      <c r="P242" s="3" t="s">
        <v>37</v>
      </c>
      <c r="Q242" s="3" t="s">
        <v>37</v>
      </c>
      <c r="R242" s="3" t="s">
        <v>39</v>
      </c>
      <c r="S242" s="3" t="s">
        <v>1434</v>
      </c>
      <c r="T242" s="3" t="s">
        <v>37</v>
      </c>
      <c r="U242" s="3" t="s">
        <v>37</v>
      </c>
      <c r="V242" s="3" t="s">
        <v>37</v>
      </c>
    </row>
    <row r="243" spans="1:22" ht="14.45" customHeight="1" x14ac:dyDescent="0.25">
      <c r="A243" s="3" t="s">
        <v>900</v>
      </c>
      <c r="B243" s="4" t="s">
        <v>632</v>
      </c>
      <c r="C243" s="3" t="s">
        <v>633</v>
      </c>
      <c r="D243" s="5" t="s">
        <v>1063</v>
      </c>
      <c r="E243" s="3" t="s">
        <v>913</v>
      </c>
      <c r="F243" s="3" t="s">
        <v>914</v>
      </c>
      <c r="G243" s="3" t="s">
        <v>554</v>
      </c>
      <c r="H243" s="3" t="s">
        <v>29</v>
      </c>
      <c r="I243" s="3" t="s">
        <v>915</v>
      </c>
      <c r="J243" s="3" t="s">
        <v>916</v>
      </c>
      <c r="K243" s="3" t="s">
        <v>32</v>
      </c>
      <c r="L243" s="3" t="s">
        <v>33</v>
      </c>
      <c r="M243" s="3" t="s">
        <v>34</v>
      </c>
      <c r="N243" s="3" t="s">
        <v>53</v>
      </c>
      <c r="O243" s="3" t="s">
        <v>54</v>
      </c>
      <c r="P243" s="3" t="s">
        <v>37</v>
      </c>
      <c r="Q243" s="3" t="s">
        <v>37</v>
      </c>
      <c r="R243" s="3" t="s">
        <v>39</v>
      </c>
      <c r="S243" s="3" t="s">
        <v>917</v>
      </c>
      <c r="T243" s="3" t="s">
        <v>37</v>
      </c>
      <c r="U243" s="3" t="s">
        <v>37</v>
      </c>
      <c r="V243" s="3" t="s">
        <v>37</v>
      </c>
    </row>
    <row r="244" spans="1:22" ht="14.45" customHeight="1" x14ac:dyDescent="0.25">
      <c r="A244" s="3"/>
      <c r="B244" s="4"/>
      <c r="C244" s="3"/>
      <c r="D244" s="5"/>
      <c r="E244" s="6" t="s">
        <v>1067</v>
      </c>
      <c r="F244" s="3"/>
      <c r="G244" s="3"/>
      <c r="H244" s="3"/>
      <c r="I244" s="3"/>
      <c r="J244" s="3"/>
      <c r="K244" s="3"/>
      <c r="L244" s="3"/>
      <c r="M244" s="3"/>
      <c r="N244" s="3"/>
      <c r="O244" s="3"/>
      <c r="P244" s="3"/>
      <c r="Q244" s="3"/>
      <c r="R244" s="3"/>
      <c r="S244" s="3"/>
      <c r="T244" s="3"/>
      <c r="U244" s="3"/>
      <c r="V244" s="3"/>
    </row>
    <row r="245" spans="1:22" ht="14.45" customHeight="1" x14ac:dyDescent="0.25">
      <c r="A245" s="3"/>
      <c r="B245" s="4"/>
      <c r="C245" s="3"/>
      <c r="D245" s="5"/>
      <c r="E245" s="3"/>
      <c r="F245" s="3"/>
      <c r="G245" s="3"/>
      <c r="H245" s="3"/>
      <c r="I245" s="3"/>
      <c r="J245" s="3"/>
      <c r="K245" s="3"/>
      <c r="L245" s="3"/>
      <c r="M245" s="3"/>
      <c r="N245" s="3"/>
      <c r="O245" s="3"/>
      <c r="P245" s="3"/>
      <c r="Q245" s="3"/>
      <c r="R245" s="3"/>
      <c r="S245" s="3"/>
      <c r="T245" s="3"/>
      <c r="U245" s="3"/>
      <c r="V245" s="3"/>
    </row>
    <row r="246" spans="1:22" ht="14.45" customHeight="1" x14ac:dyDescent="0.25">
      <c r="A246" s="3" t="s">
        <v>900</v>
      </c>
      <c r="B246" s="4" t="s">
        <v>740</v>
      </c>
      <c r="C246" s="3" t="s">
        <v>741</v>
      </c>
      <c r="D246" s="5" t="s">
        <v>25</v>
      </c>
      <c r="E246" s="3" t="s">
        <v>901</v>
      </c>
      <c r="F246" s="3" t="s">
        <v>1439</v>
      </c>
      <c r="G246" s="3" t="s">
        <v>1118</v>
      </c>
      <c r="H246" s="3" t="s">
        <v>50</v>
      </c>
      <c r="I246" s="3" t="s">
        <v>904</v>
      </c>
      <c r="J246" s="3" t="s">
        <v>1440</v>
      </c>
      <c r="K246" s="3" t="s">
        <v>32</v>
      </c>
      <c r="L246" s="3" t="s">
        <v>33</v>
      </c>
      <c r="M246" s="3" t="s">
        <v>69</v>
      </c>
      <c r="N246" s="3" t="s">
        <v>906</v>
      </c>
      <c r="O246" s="3" t="s">
        <v>113</v>
      </c>
      <c r="P246" s="3" t="s">
        <v>37</v>
      </c>
      <c r="Q246" s="3" t="s">
        <v>37</v>
      </c>
      <c r="R246" s="3" t="s">
        <v>39</v>
      </c>
      <c r="S246" s="3" t="s">
        <v>1441</v>
      </c>
      <c r="T246" s="3" t="s">
        <v>37</v>
      </c>
      <c r="U246" s="3" t="s">
        <v>37</v>
      </c>
      <c r="V246" s="3" t="s">
        <v>37</v>
      </c>
    </row>
    <row r="247" spans="1:22" ht="14.45" customHeight="1" x14ac:dyDescent="0.25">
      <c r="A247" s="3" t="s">
        <v>900</v>
      </c>
      <c r="B247" s="4" t="s">
        <v>740</v>
      </c>
      <c r="C247" s="3" t="s">
        <v>741</v>
      </c>
      <c r="D247" s="5" t="s">
        <v>908</v>
      </c>
      <c r="E247" s="3" t="s">
        <v>901</v>
      </c>
      <c r="F247" s="3" t="s">
        <v>1442</v>
      </c>
      <c r="G247" s="3" t="s">
        <v>1443</v>
      </c>
      <c r="H247" s="3" t="s">
        <v>50</v>
      </c>
      <c r="I247" s="3" t="s">
        <v>1077</v>
      </c>
      <c r="J247" s="3" t="s">
        <v>1444</v>
      </c>
      <c r="K247" s="3" t="s">
        <v>32</v>
      </c>
      <c r="L247" s="3" t="s">
        <v>33</v>
      </c>
      <c r="M247" s="3" t="s">
        <v>69</v>
      </c>
      <c r="N247" s="3" t="s">
        <v>906</v>
      </c>
      <c r="O247" s="3" t="s">
        <v>113</v>
      </c>
      <c r="P247" s="3" t="s">
        <v>37</v>
      </c>
      <c r="Q247" s="3" t="s">
        <v>37</v>
      </c>
      <c r="R247" s="3" t="s">
        <v>39</v>
      </c>
      <c r="S247" s="3" t="s">
        <v>1445</v>
      </c>
      <c r="T247" s="3" t="s">
        <v>37</v>
      </c>
      <c r="U247" s="3" t="s">
        <v>37</v>
      </c>
      <c r="V247" s="3" t="s">
        <v>37</v>
      </c>
    </row>
    <row r="248" spans="1:22" ht="14.45" customHeight="1" x14ac:dyDescent="0.25">
      <c r="A248" s="3" t="s">
        <v>900</v>
      </c>
      <c r="B248" s="4" t="s">
        <v>740</v>
      </c>
      <c r="C248" s="3" t="s">
        <v>741</v>
      </c>
      <c r="D248" s="5" t="s">
        <v>46</v>
      </c>
      <c r="E248" s="3" t="s">
        <v>924</v>
      </c>
      <c r="F248" s="3" t="s">
        <v>1358</v>
      </c>
      <c r="G248" s="3" t="s">
        <v>812</v>
      </c>
      <c r="H248" s="3" t="s">
        <v>29</v>
      </c>
      <c r="I248" s="3" t="s">
        <v>1356</v>
      </c>
      <c r="J248" s="7" t="s">
        <v>927</v>
      </c>
      <c r="K248" s="3" t="s">
        <v>32</v>
      </c>
      <c r="L248" s="3" t="s">
        <v>33</v>
      </c>
      <c r="M248" s="3" t="s">
        <v>928</v>
      </c>
      <c r="N248" s="3" t="s">
        <v>159</v>
      </c>
      <c r="O248" s="3" t="s">
        <v>166</v>
      </c>
      <c r="P248" s="3" t="s">
        <v>37</v>
      </c>
      <c r="Q248" s="3" t="s">
        <v>37</v>
      </c>
      <c r="R248" s="3" t="s">
        <v>39</v>
      </c>
      <c r="S248" s="3" t="s">
        <v>1359</v>
      </c>
      <c r="T248" s="3" t="s">
        <v>37</v>
      </c>
      <c r="U248" s="3" t="s">
        <v>37</v>
      </c>
      <c r="V248" s="3" t="s">
        <v>37</v>
      </c>
    </row>
    <row r="249" spans="1:22" ht="14.45" customHeight="1" x14ac:dyDescent="0.25">
      <c r="A249" s="3" t="s">
        <v>900</v>
      </c>
      <c r="B249" s="4" t="s">
        <v>740</v>
      </c>
      <c r="C249" s="3" t="s">
        <v>741</v>
      </c>
      <c r="D249" s="5" t="s">
        <v>1207</v>
      </c>
      <c r="E249" s="3" t="s">
        <v>924</v>
      </c>
      <c r="F249" s="3" t="s">
        <v>1446</v>
      </c>
      <c r="G249" s="3" t="s">
        <v>433</v>
      </c>
      <c r="H249" s="3" t="s">
        <v>29</v>
      </c>
      <c r="I249" s="3" t="s">
        <v>1356</v>
      </c>
      <c r="J249" s="7" t="s">
        <v>927</v>
      </c>
      <c r="K249" s="3" t="s">
        <v>32</v>
      </c>
      <c r="L249" s="3" t="s">
        <v>33</v>
      </c>
      <c r="M249" s="3" t="s">
        <v>928</v>
      </c>
      <c r="N249" s="3" t="s">
        <v>159</v>
      </c>
      <c r="O249" s="3" t="s">
        <v>166</v>
      </c>
      <c r="P249" s="3" t="s">
        <v>37</v>
      </c>
      <c r="Q249" s="3" t="s">
        <v>37</v>
      </c>
      <c r="R249" s="3" t="s">
        <v>39</v>
      </c>
      <c r="S249" s="3" t="s">
        <v>1447</v>
      </c>
      <c r="T249" s="3" t="s">
        <v>37</v>
      </c>
      <c r="U249" s="3" t="s">
        <v>37</v>
      </c>
      <c r="V249" s="3" t="s">
        <v>37</v>
      </c>
    </row>
    <row r="250" spans="1:22" ht="14.45" customHeight="1" x14ac:dyDescent="0.25">
      <c r="A250" s="3" t="s">
        <v>900</v>
      </c>
      <c r="B250" s="4" t="s">
        <v>740</v>
      </c>
      <c r="C250" s="3" t="s">
        <v>741</v>
      </c>
      <c r="D250" s="5" t="s">
        <v>1211</v>
      </c>
      <c r="E250" s="3" t="s">
        <v>924</v>
      </c>
      <c r="F250" s="3" t="s">
        <v>943</v>
      </c>
      <c r="G250" s="3" t="s">
        <v>29</v>
      </c>
      <c r="H250" s="3" t="s">
        <v>29</v>
      </c>
      <c r="I250" s="3" t="s">
        <v>1356</v>
      </c>
      <c r="J250" s="3" t="s">
        <v>944</v>
      </c>
      <c r="K250" s="3" t="s">
        <v>32</v>
      </c>
      <c r="L250" s="3" t="s">
        <v>33</v>
      </c>
      <c r="M250" s="3" t="s">
        <v>928</v>
      </c>
      <c r="N250" s="3" t="s">
        <v>159</v>
      </c>
      <c r="O250" s="3" t="s">
        <v>166</v>
      </c>
      <c r="P250" s="3" t="s">
        <v>37</v>
      </c>
      <c r="Q250" s="3" t="s">
        <v>37</v>
      </c>
      <c r="R250" s="3" t="s">
        <v>39</v>
      </c>
      <c r="S250" s="3" t="s">
        <v>945</v>
      </c>
      <c r="T250" s="3" t="s">
        <v>37</v>
      </c>
      <c r="U250" s="3" t="s">
        <v>37</v>
      </c>
      <c r="V250" s="3" t="s">
        <v>37</v>
      </c>
    </row>
    <row r="251" spans="1:22" ht="14.45" customHeight="1" x14ac:dyDescent="0.25">
      <c r="A251" s="3" t="s">
        <v>900</v>
      </c>
      <c r="B251" s="4" t="s">
        <v>740</v>
      </c>
      <c r="C251" s="3" t="s">
        <v>741</v>
      </c>
      <c r="D251" s="5" t="s">
        <v>918</v>
      </c>
      <c r="E251" s="3" t="s">
        <v>924</v>
      </c>
      <c r="F251" s="3" t="s">
        <v>1069</v>
      </c>
      <c r="G251" s="3" t="s">
        <v>242</v>
      </c>
      <c r="H251" s="3" t="s">
        <v>29</v>
      </c>
      <c r="I251" s="3" t="s">
        <v>1356</v>
      </c>
      <c r="J251" s="7" t="s">
        <v>927</v>
      </c>
      <c r="K251" s="3" t="s">
        <v>32</v>
      </c>
      <c r="L251" s="3" t="s">
        <v>33</v>
      </c>
      <c r="M251" s="3" t="s">
        <v>928</v>
      </c>
      <c r="N251" s="3" t="s">
        <v>159</v>
      </c>
      <c r="O251" s="3" t="s">
        <v>166</v>
      </c>
      <c r="P251" s="3" t="s">
        <v>37</v>
      </c>
      <c r="Q251" s="3" t="s">
        <v>37</v>
      </c>
      <c r="R251" s="3" t="s">
        <v>39</v>
      </c>
      <c r="S251" s="3" t="s">
        <v>1262</v>
      </c>
      <c r="T251" s="3" t="s">
        <v>37</v>
      </c>
      <c r="U251" s="3" t="s">
        <v>37</v>
      </c>
      <c r="V251" s="3" t="s">
        <v>37</v>
      </c>
    </row>
    <row r="252" spans="1:22" ht="14.45" customHeight="1" x14ac:dyDescent="0.25">
      <c r="A252" s="3" t="s">
        <v>900</v>
      </c>
      <c r="B252" s="4" t="s">
        <v>740</v>
      </c>
      <c r="C252" s="3" t="s">
        <v>741</v>
      </c>
      <c r="D252" s="5" t="s">
        <v>1213</v>
      </c>
      <c r="E252" s="3" t="s">
        <v>924</v>
      </c>
      <c r="F252" s="3" t="s">
        <v>1303</v>
      </c>
      <c r="G252" s="3" t="s">
        <v>455</v>
      </c>
      <c r="H252" s="3" t="s">
        <v>29</v>
      </c>
      <c r="I252" s="3" t="s">
        <v>1354</v>
      </c>
      <c r="J252" s="7" t="s">
        <v>927</v>
      </c>
      <c r="K252" s="3" t="s">
        <v>32</v>
      </c>
      <c r="L252" s="3" t="s">
        <v>33</v>
      </c>
      <c r="M252" s="3" t="s">
        <v>928</v>
      </c>
      <c r="N252" s="3" t="s">
        <v>159</v>
      </c>
      <c r="O252" s="3" t="s">
        <v>166</v>
      </c>
      <c r="P252" s="3" t="s">
        <v>37</v>
      </c>
      <c r="Q252" s="3" t="s">
        <v>37</v>
      </c>
      <c r="R252" s="3" t="s">
        <v>39</v>
      </c>
      <c r="S252" s="3" t="s">
        <v>1304</v>
      </c>
      <c r="T252" s="3" t="s">
        <v>37</v>
      </c>
      <c r="U252" s="3" t="s">
        <v>37</v>
      </c>
      <c r="V252" s="3" t="s">
        <v>37</v>
      </c>
    </row>
    <row r="253" spans="1:22" ht="14.45" customHeight="1" x14ac:dyDescent="0.25">
      <c r="A253" s="3" t="s">
        <v>900</v>
      </c>
      <c r="B253" s="4" t="s">
        <v>740</v>
      </c>
      <c r="C253" s="3" t="s">
        <v>741</v>
      </c>
      <c r="D253" s="5" t="s">
        <v>641</v>
      </c>
      <c r="E253" s="3" t="s">
        <v>924</v>
      </c>
      <c r="F253" s="3" t="s">
        <v>1271</v>
      </c>
      <c r="G253" s="3" t="s">
        <v>76</v>
      </c>
      <c r="H253" s="3" t="s">
        <v>29</v>
      </c>
      <c r="I253" s="3" t="s">
        <v>1356</v>
      </c>
      <c r="J253" s="7" t="s">
        <v>927</v>
      </c>
      <c r="K253" s="3" t="s">
        <v>32</v>
      </c>
      <c r="L253" s="3" t="s">
        <v>33</v>
      </c>
      <c r="M253" s="3" t="s">
        <v>928</v>
      </c>
      <c r="N253" s="3" t="s">
        <v>159</v>
      </c>
      <c r="O253" s="3" t="s">
        <v>166</v>
      </c>
      <c r="P253" s="3" t="s">
        <v>37</v>
      </c>
      <c r="Q253" s="3" t="s">
        <v>37</v>
      </c>
      <c r="R253" s="3" t="s">
        <v>39</v>
      </c>
      <c r="S253" s="3" t="s">
        <v>1272</v>
      </c>
      <c r="T253" s="3" t="s">
        <v>37</v>
      </c>
      <c r="U253" s="3" t="s">
        <v>37</v>
      </c>
      <c r="V253" s="3" t="s">
        <v>37</v>
      </c>
    </row>
    <row r="254" spans="1:22" ht="14.45" customHeight="1" x14ac:dyDescent="0.25">
      <c r="A254" s="3" t="s">
        <v>900</v>
      </c>
      <c r="B254" s="4" t="s">
        <v>740</v>
      </c>
      <c r="C254" s="3" t="s">
        <v>741</v>
      </c>
      <c r="D254" s="5" t="s">
        <v>923</v>
      </c>
      <c r="E254" s="3" t="s">
        <v>478</v>
      </c>
      <c r="F254" s="3" t="s">
        <v>1448</v>
      </c>
      <c r="G254" s="3" t="s">
        <v>242</v>
      </c>
      <c r="H254" s="3" t="s">
        <v>29</v>
      </c>
      <c r="I254" s="3" t="s">
        <v>1449</v>
      </c>
      <c r="J254" s="3" t="s">
        <v>1450</v>
      </c>
      <c r="K254" s="3" t="s">
        <v>32</v>
      </c>
      <c r="L254" s="3" t="s">
        <v>1221</v>
      </c>
      <c r="M254" s="3" t="s">
        <v>34</v>
      </c>
      <c r="N254" s="3" t="s">
        <v>131</v>
      </c>
      <c r="O254" s="3" t="s">
        <v>113</v>
      </c>
      <c r="P254" s="3" t="s">
        <v>37</v>
      </c>
      <c r="Q254" s="3" t="s">
        <v>37</v>
      </c>
      <c r="R254" s="3" t="s">
        <v>39</v>
      </c>
      <c r="S254" s="3" t="s">
        <v>1451</v>
      </c>
      <c r="T254" s="3" t="s">
        <v>37</v>
      </c>
      <c r="U254" s="3" t="s">
        <v>37</v>
      </c>
      <c r="V254" s="3" t="s">
        <v>37</v>
      </c>
    </row>
    <row r="255" spans="1:22" ht="14.45" customHeight="1" x14ac:dyDescent="0.25">
      <c r="A255" s="3" t="s">
        <v>900</v>
      </c>
      <c r="B255" s="4" t="s">
        <v>740</v>
      </c>
      <c r="C255" s="3" t="s">
        <v>741</v>
      </c>
      <c r="D255" s="5" t="s">
        <v>938</v>
      </c>
      <c r="E255" s="3" t="s">
        <v>478</v>
      </c>
      <c r="F255" s="3" t="s">
        <v>479</v>
      </c>
      <c r="G255" s="3" t="s">
        <v>480</v>
      </c>
      <c r="H255" s="3" t="s">
        <v>60</v>
      </c>
      <c r="I255" s="3" t="s">
        <v>481</v>
      </c>
      <c r="J255" s="3" t="s">
        <v>482</v>
      </c>
      <c r="K255" s="3" t="s">
        <v>32</v>
      </c>
      <c r="L255" s="3" t="s">
        <v>37</v>
      </c>
      <c r="M255" s="3" t="s">
        <v>34</v>
      </c>
      <c r="N255" s="3" t="s">
        <v>79</v>
      </c>
      <c r="O255" s="3" t="s">
        <v>113</v>
      </c>
      <c r="P255" s="3" t="s">
        <v>37</v>
      </c>
      <c r="Q255" s="3" t="s">
        <v>37</v>
      </c>
      <c r="R255" s="3" t="s">
        <v>39</v>
      </c>
      <c r="S255" s="3" t="s">
        <v>483</v>
      </c>
      <c r="T255" s="3" t="s">
        <v>37</v>
      </c>
      <c r="U255" s="3" t="s">
        <v>37</v>
      </c>
      <c r="V255" s="3" t="s">
        <v>37</v>
      </c>
    </row>
    <row r="256" spans="1:22" ht="14.45" customHeight="1" x14ac:dyDescent="0.25">
      <c r="A256" s="3" t="s">
        <v>900</v>
      </c>
      <c r="B256" s="4" t="s">
        <v>740</v>
      </c>
      <c r="C256" s="3" t="s">
        <v>741</v>
      </c>
      <c r="D256" s="5" t="s">
        <v>948</v>
      </c>
      <c r="E256" s="3" t="s">
        <v>919</v>
      </c>
      <c r="F256" s="3" t="s">
        <v>1452</v>
      </c>
      <c r="G256" s="3" t="s">
        <v>141</v>
      </c>
      <c r="H256" s="3" t="s">
        <v>29</v>
      </c>
      <c r="I256" s="3" t="s">
        <v>37</v>
      </c>
      <c r="J256" s="3" t="s">
        <v>1453</v>
      </c>
      <c r="K256" s="3" t="s">
        <v>32</v>
      </c>
      <c r="L256" s="3" t="s">
        <v>33</v>
      </c>
      <c r="M256" s="3" t="s">
        <v>69</v>
      </c>
      <c r="N256" s="3" t="s">
        <v>53</v>
      </c>
      <c r="O256" s="3" t="s">
        <v>54</v>
      </c>
      <c r="P256" s="3" t="s">
        <v>37</v>
      </c>
      <c r="Q256" s="3" t="s">
        <v>37</v>
      </c>
      <c r="R256" s="3" t="s">
        <v>39</v>
      </c>
      <c r="S256" s="3" t="s">
        <v>1454</v>
      </c>
      <c r="T256" s="3" t="s">
        <v>37</v>
      </c>
      <c r="U256" s="3" t="s">
        <v>37</v>
      </c>
      <c r="V256" s="3" t="s">
        <v>37</v>
      </c>
    </row>
    <row r="257" spans="1:22" ht="14.45" customHeight="1" x14ac:dyDescent="0.25">
      <c r="A257" s="3" t="s">
        <v>900</v>
      </c>
      <c r="B257" s="4" t="s">
        <v>740</v>
      </c>
      <c r="C257" s="3" t="s">
        <v>741</v>
      </c>
      <c r="D257" s="5" t="s">
        <v>953</v>
      </c>
      <c r="E257" s="3" t="s">
        <v>919</v>
      </c>
      <c r="F257" s="3" t="s">
        <v>1455</v>
      </c>
      <c r="G257" s="3" t="s">
        <v>148</v>
      </c>
      <c r="H257" s="3" t="s">
        <v>29</v>
      </c>
      <c r="I257" s="3" t="s">
        <v>37</v>
      </c>
      <c r="J257" s="3" t="s">
        <v>1456</v>
      </c>
      <c r="K257" s="3" t="s">
        <v>32</v>
      </c>
      <c r="L257" s="3" t="s">
        <v>33</v>
      </c>
      <c r="M257" s="3" t="s">
        <v>69</v>
      </c>
      <c r="N257" s="3" t="s">
        <v>53</v>
      </c>
      <c r="O257" s="3" t="s">
        <v>54</v>
      </c>
      <c r="P257" s="3" t="s">
        <v>37</v>
      </c>
      <c r="Q257" s="3" t="s">
        <v>37</v>
      </c>
      <c r="R257" s="3" t="s">
        <v>39</v>
      </c>
      <c r="S257" s="3" t="s">
        <v>1457</v>
      </c>
      <c r="T257" s="3" t="s">
        <v>37</v>
      </c>
      <c r="U257" s="3" t="s">
        <v>37</v>
      </c>
      <c r="V257" s="3" t="s">
        <v>37</v>
      </c>
    </row>
    <row r="258" spans="1:22" ht="14.45" customHeight="1" x14ac:dyDescent="0.25">
      <c r="A258" s="3" t="s">
        <v>900</v>
      </c>
      <c r="B258" s="4" t="s">
        <v>740</v>
      </c>
      <c r="C258" s="3" t="s">
        <v>741</v>
      </c>
      <c r="D258" s="5" t="s">
        <v>957</v>
      </c>
      <c r="E258" s="3" t="s">
        <v>982</v>
      </c>
      <c r="F258" s="3" t="s">
        <v>1458</v>
      </c>
      <c r="G258" s="3" t="s">
        <v>313</v>
      </c>
      <c r="H258" s="3" t="s">
        <v>60</v>
      </c>
      <c r="I258" s="3" t="s">
        <v>1459</v>
      </c>
      <c r="J258" s="3" t="s">
        <v>1460</v>
      </c>
      <c r="K258" s="3" t="s">
        <v>32</v>
      </c>
      <c r="L258" s="3" t="s">
        <v>33</v>
      </c>
      <c r="M258" s="3" t="s">
        <v>69</v>
      </c>
      <c r="N258" s="3" t="s">
        <v>53</v>
      </c>
      <c r="O258" s="3" t="s">
        <v>113</v>
      </c>
      <c r="P258" s="3" t="s">
        <v>37</v>
      </c>
      <c r="Q258" s="3" t="s">
        <v>37</v>
      </c>
      <c r="R258" s="3" t="s">
        <v>39</v>
      </c>
      <c r="S258" s="3" t="s">
        <v>1461</v>
      </c>
      <c r="T258" s="3" t="s">
        <v>37</v>
      </c>
      <c r="U258" s="3" t="s">
        <v>37</v>
      </c>
      <c r="V258" s="3" t="s">
        <v>37</v>
      </c>
    </row>
    <row r="259" spans="1:22" ht="14.45" customHeight="1" x14ac:dyDescent="0.25">
      <c r="A259" s="3" t="s">
        <v>900</v>
      </c>
      <c r="B259" s="4" t="s">
        <v>740</v>
      </c>
      <c r="C259" s="3" t="s">
        <v>741</v>
      </c>
      <c r="D259" s="5" t="s">
        <v>962</v>
      </c>
      <c r="E259" s="3" t="s">
        <v>982</v>
      </c>
      <c r="F259" s="3" t="s">
        <v>1462</v>
      </c>
      <c r="G259" s="3" t="s">
        <v>582</v>
      </c>
      <c r="H259" s="3" t="s">
        <v>60</v>
      </c>
      <c r="I259" s="3" t="s">
        <v>1463</v>
      </c>
      <c r="J259" s="3" t="s">
        <v>1464</v>
      </c>
      <c r="K259" s="3" t="s">
        <v>32</v>
      </c>
      <c r="L259" s="3" t="s">
        <v>33</v>
      </c>
      <c r="M259" s="3" t="s">
        <v>69</v>
      </c>
      <c r="N259" s="3" t="s">
        <v>53</v>
      </c>
      <c r="O259" s="3" t="s">
        <v>113</v>
      </c>
      <c r="P259" s="3" t="s">
        <v>37</v>
      </c>
      <c r="Q259" s="3" t="s">
        <v>37</v>
      </c>
      <c r="R259" s="3" t="s">
        <v>39</v>
      </c>
      <c r="S259" s="3" t="s">
        <v>1465</v>
      </c>
      <c r="T259" s="3" t="s">
        <v>37</v>
      </c>
      <c r="U259" s="3" t="s">
        <v>37</v>
      </c>
      <c r="V259" s="3" t="s">
        <v>37</v>
      </c>
    </row>
    <row r="260" spans="1:22" ht="14.45" customHeight="1" x14ac:dyDescent="0.25">
      <c r="A260" s="3" t="s">
        <v>900</v>
      </c>
      <c r="B260" s="4" t="s">
        <v>740</v>
      </c>
      <c r="C260" s="3" t="s">
        <v>741</v>
      </c>
      <c r="D260" s="5" t="s">
        <v>966</v>
      </c>
      <c r="E260" s="3" t="s">
        <v>982</v>
      </c>
      <c r="F260" s="3" t="s">
        <v>1466</v>
      </c>
      <c r="G260" s="3" t="s">
        <v>570</v>
      </c>
      <c r="H260" s="3" t="s">
        <v>60</v>
      </c>
      <c r="I260" s="3" t="s">
        <v>1467</v>
      </c>
      <c r="J260" s="3" t="s">
        <v>1468</v>
      </c>
      <c r="K260" s="3" t="s">
        <v>32</v>
      </c>
      <c r="L260" s="3" t="s">
        <v>33</v>
      </c>
      <c r="M260" s="3" t="s">
        <v>69</v>
      </c>
      <c r="N260" s="3" t="s">
        <v>53</v>
      </c>
      <c r="O260" s="3" t="s">
        <v>113</v>
      </c>
      <c r="P260" s="3" t="s">
        <v>37</v>
      </c>
      <c r="Q260" s="3" t="s">
        <v>37</v>
      </c>
      <c r="R260" s="3" t="s">
        <v>39</v>
      </c>
      <c r="S260" s="3" t="s">
        <v>1469</v>
      </c>
      <c r="T260" s="3" t="s">
        <v>37</v>
      </c>
      <c r="U260" s="3" t="s">
        <v>37</v>
      </c>
      <c r="V260" s="3" t="s">
        <v>37</v>
      </c>
    </row>
    <row r="261" spans="1:22" ht="14.45" customHeight="1" x14ac:dyDescent="0.25">
      <c r="A261" s="3" t="s">
        <v>900</v>
      </c>
      <c r="B261" s="4" t="s">
        <v>740</v>
      </c>
      <c r="C261" s="3" t="s">
        <v>741</v>
      </c>
      <c r="D261" s="5" t="s">
        <v>1241</v>
      </c>
      <c r="E261" s="3" t="s">
        <v>478</v>
      </c>
      <c r="F261" s="3" t="s">
        <v>1470</v>
      </c>
      <c r="G261" s="3" t="s">
        <v>247</v>
      </c>
      <c r="H261" s="3" t="s">
        <v>29</v>
      </c>
      <c r="I261" s="3" t="s">
        <v>1449</v>
      </c>
      <c r="J261" s="3" t="s">
        <v>1471</v>
      </c>
      <c r="K261" s="3" t="s">
        <v>32</v>
      </c>
      <c r="L261" s="3" t="s">
        <v>1221</v>
      </c>
      <c r="M261" s="3" t="s">
        <v>34</v>
      </c>
      <c r="N261" s="3" t="s">
        <v>131</v>
      </c>
      <c r="O261" s="3" t="s">
        <v>113</v>
      </c>
      <c r="P261" s="3" t="s">
        <v>37</v>
      </c>
      <c r="Q261" s="3" t="s">
        <v>37</v>
      </c>
      <c r="R261" s="3" t="s">
        <v>39</v>
      </c>
      <c r="S261" s="3" t="s">
        <v>1472</v>
      </c>
      <c r="T261" s="3" t="s">
        <v>37</v>
      </c>
      <c r="U261" s="3" t="s">
        <v>37</v>
      </c>
      <c r="V261" s="3" t="s">
        <v>37</v>
      </c>
    </row>
    <row r="262" spans="1:22" ht="14.45" customHeight="1" x14ac:dyDescent="0.25">
      <c r="A262" s="3" t="s">
        <v>900</v>
      </c>
      <c r="B262" s="4" t="s">
        <v>740</v>
      </c>
      <c r="C262" s="3" t="s">
        <v>741</v>
      </c>
      <c r="D262" s="5" t="s">
        <v>971</v>
      </c>
      <c r="E262" s="3" t="s">
        <v>478</v>
      </c>
      <c r="F262" s="3" t="s">
        <v>1473</v>
      </c>
      <c r="G262" s="3" t="s">
        <v>375</v>
      </c>
      <c r="H262" s="3" t="s">
        <v>29</v>
      </c>
      <c r="I262" s="3" t="s">
        <v>1474</v>
      </c>
      <c r="J262" s="3" t="s">
        <v>1475</v>
      </c>
      <c r="K262" s="3" t="s">
        <v>32</v>
      </c>
      <c r="L262" s="3" t="s">
        <v>1221</v>
      </c>
      <c r="M262" s="3" t="s">
        <v>34</v>
      </c>
      <c r="N262" s="3" t="s">
        <v>131</v>
      </c>
      <c r="O262" s="3" t="s">
        <v>113</v>
      </c>
      <c r="P262" s="3" t="s">
        <v>37</v>
      </c>
      <c r="Q262" s="3" t="s">
        <v>37</v>
      </c>
      <c r="R262" s="3" t="s">
        <v>39</v>
      </c>
      <c r="S262" s="3" t="s">
        <v>1476</v>
      </c>
      <c r="T262" s="3" t="s">
        <v>37</v>
      </c>
      <c r="U262" s="3" t="s">
        <v>37</v>
      </c>
      <c r="V262" s="3" t="s">
        <v>37</v>
      </c>
    </row>
    <row r="263" spans="1:22" ht="14.45" customHeight="1" x14ac:dyDescent="0.25">
      <c r="A263" s="3" t="s">
        <v>900</v>
      </c>
      <c r="B263" s="4" t="s">
        <v>740</v>
      </c>
      <c r="C263" s="3" t="s">
        <v>741</v>
      </c>
      <c r="D263" s="5" t="s">
        <v>972</v>
      </c>
      <c r="E263" s="3" t="s">
        <v>478</v>
      </c>
      <c r="F263" s="3" t="s">
        <v>1477</v>
      </c>
      <c r="G263" s="3" t="s">
        <v>379</v>
      </c>
      <c r="H263" s="3" t="s">
        <v>29</v>
      </c>
      <c r="I263" s="3" t="s">
        <v>1243</v>
      </c>
      <c r="J263" s="3" t="s">
        <v>1478</v>
      </c>
      <c r="K263" s="3" t="s">
        <v>32</v>
      </c>
      <c r="L263" s="3" t="s">
        <v>1221</v>
      </c>
      <c r="M263" s="3" t="s">
        <v>34</v>
      </c>
      <c r="N263" s="3" t="s">
        <v>131</v>
      </c>
      <c r="O263" s="3" t="s">
        <v>113</v>
      </c>
      <c r="P263" s="3" t="s">
        <v>37</v>
      </c>
      <c r="Q263" s="3" t="s">
        <v>37</v>
      </c>
      <c r="R263" s="3" t="s">
        <v>39</v>
      </c>
      <c r="S263" s="3" t="s">
        <v>1479</v>
      </c>
      <c r="T263" s="3" t="s">
        <v>37</v>
      </c>
      <c r="U263" s="3" t="s">
        <v>37</v>
      </c>
      <c r="V263" s="3" t="s">
        <v>37</v>
      </c>
    </row>
    <row r="264" spans="1:22" ht="14.45" customHeight="1" x14ac:dyDescent="0.25">
      <c r="A264" s="3" t="s">
        <v>900</v>
      </c>
      <c r="B264" s="4" t="s">
        <v>740</v>
      </c>
      <c r="C264" s="3" t="s">
        <v>741</v>
      </c>
      <c r="D264" s="5" t="s">
        <v>127</v>
      </c>
      <c r="E264" s="3" t="s">
        <v>1024</v>
      </c>
      <c r="F264" s="3" t="s">
        <v>1480</v>
      </c>
      <c r="G264" s="3" t="s">
        <v>290</v>
      </c>
      <c r="H264" s="3" t="s">
        <v>29</v>
      </c>
      <c r="I264" s="3" t="s">
        <v>1253</v>
      </c>
      <c r="J264" s="3" t="s">
        <v>1481</v>
      </c>
      <c r="K264" s="3" t="s">
        <v>32</v>
      </c>
      <c r="L264" s="3" t="s">
        <v>33</v>
      </c>
      <c r="M264" s="3" t="s">
        <v>69</v>
      </c>
      <c r="N264" s="3" t="s">
        <v>53</v>
      </c>
      <c r="O264" s="3" t="s">
        <v>36</v>
      </c>
      <c r="P264" s="3" t="s">
        <v>37</v>
      </c>
      <c r="Q264" s="3" t="s">
        <v>37</v>
      </c>
      <c r="R264" s="3" t="s">
        <v>39</v>
      </c>
      <c r="S264" s="3" t="s">
        <v>1482</v>
      </c>
      <c r="T264" s="3" t="s">
        <v>37</v>
      </c>
      <c r="U264" s="3" t="s">
        <v>37</v>
      </c>
      <c r="V264" s="3" t="s">
        <v>37</v>
      </c>
    </row>
    <row r="265" spans="1:22" ht="14.45" customHeight="1" x14ac:dyDescent="0.25">
      <c r="A265" s="3" t="s">
        <v>900</v>
      </c>
      <c r="B265" s="4" t="s">
        <v>740</v>
      </c>
      <c r="C265" s="3" t="s">
        <v>741</v>
      </c>
      <c r="D265" s="5" t="s">
        <v>431</v>
      </c>
      <c r="E265" s="3" t="s">
        <v>1024</v>
      </c>
      <c r="F265" s="3" t="s">
        <v>1483</v>
      </c>
      <c r="G265" s="3" t="s">
        <v>163</v>
      </c>
      <c r="H265" s="3" t="s">
        <v>29</v>
      </c>
      <c r="I265" s="3" t="s">
        <v>1253</v>
      </c>
      <c r="J265" s="3" t="s">
        <v>1484</v>
      </c>
      <c r="K265" s="3" t="s">
        <v>32</v>
      </c>
      <c r="L265" s="3" t="s">
        <v>33</v>
      </c>
      <c r="M265" s="3" t="s">
        <v>69</v>
      </c>
      <c r="N265" s="3" t="s">
        <v>53</v>
      </c>
      <c r="O265" s="3" t="s">
        <v>36</v>
      </c>
      <c r="P265" s="3" t="s">
        <v>37</v>
      </c>
      <c r="Q265" s="3" t="s">
        <v>37</v>
      </c>
      <c r="R265" s="3" t="s">
        <v>39</v>
      </c>
      <c r="S265" s="3" t="s">
        <v>1485</v>
      </c>
      <c r="T265" s="3" t="s">
        <v>37</v>
      </c>
      <c r="U265" s="3" t="s">
        <v>37</v>
      </c>
      <c r="V265" s="3" t="s">
        <v>37</v>
      </c>
    </row>
    <row r="266" spans="1:22" ht="14.45" customHeight="1" x14ac:dyDescent="0.25">
      <c r="A266" s="3" t="s">
        <v>900</v>
      </c>
      <c r="B266" s="4" t="s">
        <v>740</v>
      </c>
      <c r="C266" s="3" t="s">
        <v>741</v>
      </c>
      <c r="D266" s="5" t="s">
        <v>138</v>
      </c>
      <c r="E266" s="3" t="s">
        <v>924</v>
      </c>
      <c r="F266" s="3" t="s">
        <v>939</v>
      </c>
      <c r="G266" s="3" t="s">
        <v>148</v>
      </c>
      <c r="H266" s="3" t="s">
        <v>29</v>
      </c>
      <c r="I266" s="3" t="s">
        <v>1354</v>
      </c>
      <c r="J266" s="3" t="s">
        <v>940</v>
      </c>
      <c r="K266" s="3" t="s">
        <v>32</v>
      </c>
      <c r="L266" s="3" t="s">
        <v>33</v>
      </c>
      <c r="M266" s="3" t="s">
        <v>928</v>
      </c>
      <c r="N266" s="3" t="s">
        <v>159</v>
      </c>
      <c r="O266" s="3" t="s">
        <v>166</v>
      </c>
      <c r="P266" s="3" t="s">
        <v>37</v>
      </c>
      <c r="Q266" s="3" t="s">
        <v>37</v>
      </c>
      <c r="R266" s="3" t="s">
        <v>39</v>
      </c>
      <c r="S266" s="3" t="s">
        <v>941</v>
      </c>
      <c r="T266" s="3" t="s">
        <v>37</v>
      </c>
      <c r="U266" s="3" t="s">
        <v>37</v>
      </c>
      <c r="V266" s="3" t="s">
        <v>37</v>
      </c>
    </row>
    <row r="267" spans="1:22" ht="14.45" customHeight="1" x14ac:dyDescent="0.25">
      <c r="A267" s="3" t="s">
        <v>900</v>
      </c>
      <c r="B267" s="4" t="s">
        <v>740</v>
      </c>
      <c r="C267" s="3" t="s">
        <v>741</v>
      </c>
      <c r="D267" s="5" t="s">
        <v>684</v>
      </c>
      <c r="E267" s="3" t="s">
        <v>924</v>
      </c>
      <c r="F267" s="3" t="s">
        <v>1094</v>
      </c>
      <c r="G267" s="3" t="s">
        <v>290</v>
      </c>
      <c r="H267" s="3" t="s">
        <v>29</v>
      </c>
      <c r="I267" s="3" t="s">
        <v>1356</v>
      </c>
      <c r="J267" s="7" t="s">
        <v>927</v>
      </c>
      <c r="K267" s="3" t="s">
        <v>32</v>
      </c>
      <c r="L267" s="3" t="s">
        <v>33</v>
      </c>
      <c r="M267" s="3" t="s">
        <v>928</v>
      </c>
      <c r="N267" s="3" t="s">
        <v>159</v>
      </c>
      <c r="O267" s="3" t="s">
        <v>166</v>
      </c>
      <c r="P267" s="3" t="s">
        <v>37</v>
      </c>
      <c r="Q267" s="3" t="s">
        <v>37</v>
      </c>
      <c r="R267" s="3" t="s">
        <v>39</v>
      </c>
      <c r="S267" s="3" t="s">
        <v>1095</v>
      </c>
      <c r="T267" s="3" t="s">
        <v>37</v>
      </c>
      <c r="U267" s="3" t="s">
        <v>37</v>
      </c>
      <c r="V267" s="3" t="s">
        <v>37</v>
      </c>
    </row>
    <row r="268" spans="1:22" ht="14.45" customHeight="1" x14ac:dyDescent="0.25">
      <c r="A268" s="3" t="s">
        <v>900</v>
      </c>
      <c r="B268" s="4" t="s">
        <v>740</v>
      </c>
      <c r="C268" s="3" t="s">
        <v>741</v>
      </c>
      <c r="D268" s="5" t="s">
        <v>1261</v>
      </c>
      <c r="E268" s="3" t="s">
        <v>924</v>
      </c>
      <c r="F268" s="3" t="s">
        <v>1259</v>
      </c>
      <c r="G268" s="3" t="s">
        <v>295</v>
      </c>
      <c r="H268" s="3" t="s">
        <v>29</v>
      </c>
      <c r="I268" s="3" t="s">
        <v>1354</v>
      </c>
      <c r="J268" s="7" t="s">
        <v>927</v>
      </c>
      <c r="K268" s="3" t="s">
        <v>32</v>
      </c>
      <c r="L268" s="3" t="s">
        <v>33</v>
      </c>
      <c r="M268" s="3" t="s">
        <v>928</v>
      </c>
      <c r="N268" s="3" t="s">
        <v>159</v>
      </c>
      <c r="O268" s="3" t="s">
        <v>166</v>
      </c>
      <c r="P268" s="3" t="s">
        <v>37</v>
      </c>
      <c r="Q268" s="3" t="s">
        <v>37</v>
      </c>
      <c r="R268" s="3" t="s">
        <v>39</v>
      </c>
      <c r="S268" s="3" t="s">
        <v>1260</v>
      </c>
      <c r="T268" s="3" t="s">
        <v>37</v>
      </c>
      <c r="U268" s="3" t="s">
        <v>37</v>
      </c>
      <c r="V268" s="3" t="s">
        <v>37</v>
      </c>
    </row>
    <row r="269" spans="1:22" ht="14.45" customHeight="1" x14ac:dyDescent="0.25">
      <c r="A269" s="3" t="s">
        <v>900</v>
      </c>
      <c r="B269" s="4" t="s">
        <v>740</v>
      </c>
      <c r="C269" s="3" t="s">
        <v>741</v>
      </c>
      <c r="D269" s="5" t="s">
        <v>992</v>
      </c>
      <c r="E269" s="3" t="s">
        <v>924</v>
      </c>
      <c r="F269" s="3" t="s">
        <v>1214</v>
      </c>
      <c r="G269" s="3" t="s">
        <v>157</v>
      </c>
      <c r="H269" s="3" t="s">
        <v>29</v>
      </c>
      <c r="I269" s="3" t="s">
        <v>1356</v>
      </c>
      <c r="J269" s="7" t="s">
        <v>927</v>
      </c>
      <c r="K269" s="3" t="s">
        <v>32</v>
      </c>
      <c r="L269" s="3" t="s">
        <v>33</v>
      </c>
      <c r="M269" s="3" t="s">
        <v>928</v>
      </c>
      <c r="N269" s="3" t="s">
        <v>159</v>
      </c>
      <c r="O269" s="3" t="s">
        <v>166</v>
      </c>
      <c r="P269" s="3" t="s">
        <v>37</v>
      </c>
      <c r="Q269" s="3" t="s">
        <v>37</v>
      </c>
      <c r="R269" s="3" t="s">
        <v>39</v>
      </c>
      <c r="S269" s="3" t="s">
        <v>1215</v>
      </c>
      <c r="T269" s="3" t="s">
        <v>37</v>
      </c>
      <c r="U269" s="3" t="s">
        <v>37</v>
      </c>
      <c r="V269" s="3" t="s">
        <v>37</v>
      </c>
    </row>
    <row r="270" spans="1:22" ht="14.45" customHeight="1" x14ac:dyDescent="0.25">
      <c r="A270" s="3" t="s">
        <v>900</v>
      </c>
      <c r="B270" s="4" t="s">
        <v>740</v>
      </c>
      <c r="C270" s="3" t="s">
        <v>741</v>
      </c>
      <c r="D270" s="5" t="s">
        <v>1263</v>
      </c>
      <c r="E270" s="3" t="s">
        <v>924</v>
      </c>
      <c r="F270" s="3" t="s">
        <v>1070</v>
      </c>
      <c r="G270" s="3" t="s">
        <v>247</v>
      </c>
      <c r="H270" s="3" t="s">
        <v>29</v>
      </c>
      <c r="I270" s="3" t="s">
        <v>1356</v>
      </c>
      <c r="J270" s="7" t="s">
        <v>927</v>
      </c>
      <c r="K270" s="3" t="s">
        <v>32</v>
      </c>
      <c r="L270" s="3" t="s">
        <v>33</v>
      </c>
      <c r="M270" s="3" t="s">
        <v>928</v>
      </c>
      <c r="N270" s="3" t="s">
        <v>159</v>
      </c>
      <c r="O270" s="3" t="s">
        <v>166</v>
      </c>
      <c r="P270" s="3" t="s">
        <v>37</v>
      </c>
      <c r="Q270" s="3" t="s">
        <v>37</v>
      </c>
      <c r="R270" s="3" t="s">
        <v>39</v>
      </c>
      <c r="S270" s="3" t="s">
        <v>1422</v>
      </c>
      <c r="T270" s="3" t="s">
        <v>37</v>
      </c>
      <c r="U270" s="3" t="s">
        <v>37</v>
      </c>
      <c r="V270" s="3" t="s">
        <v>37</v>
      </c>
    </row>
    <row r="271" spans="1:22" ht="14.45" customHeight="1" x14ac:dyDescent="0.25">
      <c r="A271" s="3" t="s">
        <v>900</v>
      </c>
      <c r="B271" s="4" t="s">
        <v>740</v>
      </c>
      <c r="C271" s="3" t="s">
        <v>741</v>
      </c>
      <c r="D271" s="5" t="s">
        <v>152</v>
      </c>
      <c r="E271" s="3" t="s">
        <v>924</v>
      </c>
      <c r="F271" s="3" t="s">
        <v>1216</v>
      </c>
      <c r="G271" s="3" t="s">
        <v>98</v>
      </c>
      <c r="H271" s="3" t="s">
        <v>29</v>
      </c>
      <c r="I271" s="3" t="s">
        <v>1354</v>
      </c>
      <c r="J271" s="7" t="s">
        <v>927</v>
      </c>
      <c r="K271" s="3" t="s">
        <v>32</v>
      </c>
      <c r="L271" s="3" t="s">
        <v>33</v>
      </c>
      <c r="M271" s="3" t="s">
        <v>928</v>
      </c>
      <c r="N271" s="3" t="s">
        <v>159</v>
      </c>
      <c r="O271" s="3" t="s">
        <v>166</v>
      </c>
      <c r="P271" s="3" t="s">
        <v>37</v>
      </c>
      <c r="Q271" s="3" t="s">
        <v>37</v>
      </c>
      <c r="R271" s="3" t="s">
        <v>39</v>
      </c>
      <c r="S271" s="3" t="s">
        <v>1217</v>
      </c>
      <c r="T271" s="3" t="s">
        <v>37</v>
      </c>
      <c r="U271" s="3" t="s">
        <v>37</v>
      </c>
      <c r="V271" s="3" t="s">
        <v>37</v>
      </c>
    </row>
    <row r="272" spans="1:22" ht="14.45" customHeight="1" x14ac:dyDescent="0.25">
      <c r="A272" s="3" t="s">
        <v>900</v>
      </c>
      <c r="B272" s="4" t="s">
        <v>740</v>
      </c>
      <c r="C272" s="3" t="s">
        <v>741</v>
      </c>
      <c r="D272" s="5" t="s">
        <v>154</v>
      </c>
      <c r="E272" s="3" t="s">
        <v>919</v>
      </c>
      <c r="F272" s="3" t="s">
        <v>1397</v>
      </c>
      <c r="G272" s="3" t="s">
        <v>180</v>
      </c>
      <c r="H272" s="3" t="s">
        <v>29</v>
      </c>
      <c r="I272" s="3" t="s">
        <v>37</v>
      </c>
      <c r="J272" s="3" t="s">
        <v>1398</v>
      </c>
      <c r="K272" s="3" t="s">
        <v>32</v>
      </c>
      <c r="L272" s="3" t="s">
        <v>33</v>
      </c>
      <c r="M272" s="3" t="s">
        <v>69</v>
      </c>
      <c r="N272" s="3" t="s">
        <v>53</v>
      </c>
      <c r="O272" s="3" t="s">
        <v>54</v>
      </c>
      <c r="P272" s="3" t="s">
        <v>37</v>
      </c>
      <c r="Q272" s="3" t="s">
        <v>37</v>
      </c>
      <c r="R272" s="3" t="s">
        <v>39</v>
      </c>
      <c r="S272" s="3" t="s">
        <v>1399</v>
      </c>
      <c r="T272" s="3" t="s">
        <v>37</v>
      </c>
      <c r="U272" s="3" t="s">
        <v>37</v>
      </c>
      <c r="V272" s="3" t="s">
        <v>37</v>
      </c>
    </row>
    <row r="273" spans="1:22" ht="14.45" customHeight="1" x14ac:dyDescent="0.25">
      <c r="A273" s="3" t="s">
        <v>900</v>
      </c>
      <c r="B273" s="4" t="s">
        <v>740</v>
      </c>
      <c r="C273" s="3" t="s">
        <v>741</v>
      </c>
      <c r="D273" s="5" t="s">
        <v>161</v>
      </c>
      <c r="E273" s="3" t="s">
        <v>478</v>
      </c>
      <c r="F273" s="3" t="s">
        <v>1486</v>
      </c>
      <c r="G273" s="3" t="s">
        <v>135</v>
      </c>
      <c r="H273" s="3" t="s">
        <v>29</v>
      </c>
      <c r="I273" s="3" t="s">
        <v>1410</v>
      </c>
      <c r="J273" s="3" t="s">
        <v>1487</v>
      </c>
      <c r="K273" s="3" t="s">
        <v>32</v>
      </c>
      <c r="L273" s="3" t="s">
        <v>33</v>
      </c>
      <c r="M273" s="3" t="s">
        <v>34</v>
      </c>
      <c r="N273" s="3" t="s">
        <v>131</v>
      </c>
      <c r="O273" s="3" t="s">
        <v>1279</v>
      </c>
      <c r="P273" s="3" t="s">
        <v>37</v>
      </c>
      <c r="Q273" s="3" t="s">
        <v>37</v>
      </c>
      <c r="R273" s="3" t="s">
        <v>39</v>
      </c>
      <c r="S273" s="3" t="s">
        <v>1488</v>
      </c>
      <c r="T273" s="3" t="s">
        <v>37</v>
      </c>
      <c r="U273" s="3" t="s">
        <v>37</v>
      </c>
      <c r="V273" s="3" t="s">
        <v>37</v>
      </c>
    </row>
    <row r="274" spans="1:22" ht="14.45" customHeight="1" x14ac:dyDescent="0.25">
      <c r="A274" s="3" t="s">
        <v>900</v>
      </c>
      <c r="B274" s="4" t="s">
        <v>740</v>
      </c>
      <c r="C274" s="3" t="s">
        <v>741</v>
      </c>
      <c r="D274" s="5" t="s">
        <v>168</v>
      </c>
      <c r="E274" s="3" t="s">
        <v>1489</v>
      </c>
      <c r="F274" s="3" t="s">
        <v>1490</v>
      </c>
      <c r="G274" s="3" t="s">
        <v>141</v>
      </c>
      <c r="H274" s="3" t="s">
        <v>29</v>
      </c>
      <c r="I274" s="3" t="s">
        <v>37</v>
      </c>
      <c r="J274" s="3" t="s">
        <v>1491</v>
      </c>
      <c r="K274" s="3" t="s">
        <v>32</v>
      </c>
      <c r="L274" s="3" t="s">
        <v>1492</v>
      </c>
      <c r="M274" s="3" t="s">
        <v>34</v>
      </c>
      <c r="N274" s="3" t="s">
        <v>62</v>
      </c>
      <c r="O274" s="3" t="s">
        <v>1493</v>
      </c>
      <c r="P274" s="3" t="s">
        <v>37</v>
      </c>
      <c r="Q274" s="3" t="s">
        <v>37</v>
      </c>
      <c r="R274" s="3" t="s">
        <v>39</v>
      </c>
      <c r="S274" s="3" t="s">
        <v>1494</v>
      </c>
      <c r="T274" s="3" t="s">
        <v>37</v>
      </c>
      <c r="U274" s="3" t="s">
        <v>37</v>
      </c>
      <c r="V274" s="3" t="s">
        <v>37</v>
      </c>
    </row>
    <row r="275" spans="1:22" ht="14.45" customHeight="1" x14ac:dyDescent="0.25">
      <c r="A275" s="3" t="s">
        <v>900</v>
      </c>
      <c r="B275" s="4" t="s">
        <v>740</v>
      </c>
      <c r="C275" s="3" t="s">
        <v>741</v>
      </c>
      <c r="D275" s="5" t="s">
        <v>1009</v>
      </c>
      <c r="E275" s="3" t="s">
        <v>924</v>
      </c>
      <c r="F275" s="3" t="s">
        <v>1495</v>
      </c>
      <c r="G275" s="3" t="s">
        <v>83</v>
      </c>
      <c r="H275" s="3" t="s">
        <v>29</v>
      </c>
      <c r="I275" s="3" t="s">
        <v>1356</v>
      </c>
      <c r="J275" s="7" t="s">
        <v>927</v>
      </c>
      <c r="K275" s="3" t="s">
        <v>32</v>
      </c>
      <c r="L275" s="3" t="s">
        <v>33</v>
      </c>
      <c r="M275" s="3" t="s">
        <v>928</v>
      </c>
      <c r="N275" s="3" t="s">
        <v>159</v>
      </c>
      <c r="O275" s="3" t="s">
        <v>166</v>
      </c>
      <c r="P275" s="3" t="s">
        <v>37</v>
      </c>
      <c r="Q275" s="3" t="s">
        <v>37</v>
      </c>
      <c r="R275" s="3" t="s">
        <v>39</v>
      </c>
      <c r="S275" s="3" t="s">
        <v>1496</v>
      </c>
      <c r="T275" s="3" t="s">
        <v>126</v>
      </c>
      <c r="U275" s="3" t="s">
        <v>37</v>
      </c>
      <c r="V275" s="3" t="s">
        <v>37</v>
      </c>
    </row>
    <row r="276" spans="1:22" ht="14.45" customHeight="1" x14ac:dyDescent="0.25">
      <c r="A276" s="3" t="s">
        <v>900</v>
      </c>
      <c r="B276" s="4" t="s">
        <v>740</v>
      </c>
      <c r="C276" s="3" t="s">
        <v>741</v>
      </c>
      <c r="D276" s="5" t="s">
        <v>172</v>
      </c>
      <c r="E276" s="3" t="s">
        <v>924</v>
      </c>
      <c r="F276" s="3" t="s">
        <v>1073</v>
      </c>
      <c r="G276" s="3" t="s">
        <v>369</v>
      </c>
      <c r="H276" s="3" t="s">
        <v>29</v>
      </c>
      <c r="I276" s="3" t="s">
        <v>1356</v>
      </c>
      <c r="J276" s="7" t="s">
        <v>927</v>
      </c>
      <c r="K276" s="3" t="s">
        <v>32</v>
      </c>
      <c r="L276" s="3" t="s">
        <v>33</v>
      </c>
      <c r="M276" s="3" t="s">
        <v>928</v>
      </c>
      <c r="N276" s="3" t="s">
        <v>159</v>
      </c>
      <c r="O276" s="3" t="s">
        <v>166</v>
      </c>
      <c r="P276" s="3" t="s">
        <v>37</v>
      </c>
      <c r="Q276" s="3" t="s">
        <v>37</v>
      </c>
      <c r="R276" s="3" t="s">
        <v>39</v>
      </c>
      <c r="S276" s="3" t="s">
        <v>1360</v>
      </c>
      <c r="T276" s="3" t="s">
        <v>37</v>
      </c>
      <c r="U276" s="3" t="s">
        <v>37</v>
      </c>
      <c r="V276" s="3" t="s">
        <v>37</v>
      </c>
    </row>
    <row r="277" spans="1:22" ht="14.45" customHeight="1" x14ac:dyDescent="0.25">
      <c r="A277" s="3" t="s">
        <v>900</v>
      </c>
      <c r="B277" s="4" t="s">
        <v>740</v>
      </c>
      <c r="C277" s="3" t="s">
        <v>741</v>
      </c>
      <c r="D277" s="5" t="s">
        <v>1014</v>
      </c>
      <c r="E277" s="3" t="s">
        <v>924</v>
      </c>
      <c r="F277" s="3" t="s">
        <v>1271</v>
      </c>
      <c r="G277" s="3" t="s">
        <v>76</v>
      </c>
      <c r="H277" s="3" t="s">
        <v>29</v>
      </c>
      <c r="I277" s="3" t="s">
        <v>1356</v>
      </c>
      <c r="J277" s="7" t="s">
        <v>927</v>
      </c>
      <c r="K277" s="3" t="s">
        <v>32</v>
      </c>
      <c r="L277" s="3" t="s">
        <v>33</v>
      </c>
      <c r="M277" s="3" t="s">
        <v>928</v>
      </c>
      <c r="N277" s="3" t="s">
        <v>159</v>
      </c>
      <c r="O277" s="3" t="s">
        <v>166</v>
      </c>
      <c r="P277" s="3" t="s">
        <v>37</v>
      </c>
      <c r="Q277" s="3" t="s">
        <v>37</v>
      </c>
      <c r="R277" s="3" t="s">
        <v>39</v>
      </c>
      <c r="S277" s="3" t="s">
        <v>1272</v>
      </c>
      <c r="T277" s="3" t="s">
        <v>37</v>
      </c>
      <c r="U277" s="3" t="s">
        <v>37</v>
      </c>
      <c r="V277" s="3" t="s">
        <v>37</v>
      </c>
    </row>
    <row r="278" spans="1:22" ht="14.45" customHeight="1" x14ac:dyDescent="0.25">
      <c r="A278" s="3" t="s">
        <v>900</v>
      </c>
      <c r="B278" s="4" t="s">
        <v>740</v>
      </c>
      <c r="C278" s="3" t="s">
        <v>741</v>
      </c>
      <c r="D278" s="5" t="s">
        <v>1018</v>
      </c>
      <c r="E278" s="3" t="s">
        <v>949</v>
      </c>
      <c r="F278" s="3" t="s">
        <v>1273</v>
      </c>
      <c r="G278" s="3" t="s">
        <v>1113</v>
      </c>
      <c r="H278" s="3" t="s">
        <v>50</v>
      </c>
      <c r="I278" s="3" t="s">
        <v>37</v>
      </c>
      <c r="J278" s="3" t="s">
        <v>1275</v>
      </c>
      <c r="K278" s="3" t="s">
        <v>32</v>
      </c>
      <c r="L278" s="3" t="s">
        <v>33</v>
      </c>
      <c r="M278" s="3" t="s">
        <v>69</v>
      </c>
      <c r="N278" s="3" t="s">
        <v>159</v>
      </c>
      <c r="O278" s="3" t="s">
        <v>37</v>
      </c>
      <c r="P278" s="3" t="s">
        <v>37</v>
      </c>
      <c r="Q278" s="3" t="s">
        <v>37</v>
      </c>
      <c r="R278" s="3" t="s">
        <v>39</v>
      </c>
      <c r="S278" s="3" t="s">
        <v>1497</v>
      </c>
      <c r="T278" s="3" t="s">
        <v>126</v>
      </c>
      <c r="U278" s="3" t="s">
        <v>37</v>
      </c>
      <c r="V278" s="3" t="s">
        <v>37</v>
      </c>
    </row>
    <row r="279" spans="1:22" ht="14.45" customHeight="1" x14ac:dyDescent="0.25">
      <c r="A279" s="3" t="s">
        <v>900</v>
      </c>
      <c r="B279" s="4" t="s">
        <v>740</v>
      </c>
      <c r="C279" s="3" t="s">
        <v>741</v>
      </c>
      <c r="D279" s="5" t="s">
        <v>176</v>
      </c>
      <c r="E279" s="3" t="s">
        <v>949</v>
      </c>
      <c r="F279" s="3" t="s">
        <v>1273</v>
      </c>
      <c r="G279" s="3" t="s">
        <v>1380</v>
      </c>
      <c r="H279" s="3" t="s">
        <v>50</v>
      </c>
      <c r="I279" s="3" t="s">
        <v>37</v>
      </c>
      <c r="J279" s="3" t="s">
        <v>1275</v>
      </c>
      <c r="K279" s="3" t="s">
        <v>32</v>
      </c>
      <c r="L279" s="3" t="s">
        <v>33</v>
      </c>
      <c r="M279" s="3" t="s">
        <v>69</v>
      </c>
      <c r="N279" s="3" t="s">
        <v>159</v>
      </c>
      <c r="O279" s="3" t="s">
        <v>37</v>
      </c>
      <c r="P279" s="3" t="s">
        <v>37</v>
      </c>
      <c r="Q279" s="3" t="s">
        <v>37</v>
      </c>
      <c r="R279" s="3" t="s">
        <v>39</v>
      </c>
      <c r="S279" s="3" t="s">
        <v>1423</v>
      </c>
      <c r="T279" s="3" t="s">
        <v>37</v>
      </c>
      <c r="U279" s="3" t="s">
        <v>37</v>
      </c>
      <c r="V279" s="3" t="s">
        <v>37</v>
      </c>
    </row>
    <row r="280" spans="1:22" ht="14.45" customHeight="1" x14ac:dyDescent="0.25">
      <c r="A280" s="3" t="s">
        <v>900</v>
      </c>
      <c r="B280" s="4" t="s">
        <v>740</v>
      </c>
      <c r="C280" s="3" t="s">
        <v>741</v>
      </c>
      <c r="D280" s="5" t="s">
        <v>1023</v>
      </c>
      <c r="E280" s="3" t="s">
        <v>1024</v>
      </c>
      <c r="F280" s="3" t="s">
        <v>1498</v>
      </c>
      <c r="G280" s="3" t="s">
        <v>443</v>
      </c>
      <c r="H280" s="3" t="s">
        <v>60</v>
      </c>
      <c r="I280" s="3" t="s">
        <v>1365</v>
      </c>
      <c r="J280" s="3" t="s">
        <v>1282</v>
      </c>
      <c r="K280" s="3" t="s">
        <v>32</v>
      </c>
      <c r="L280" s="3" t="s">
        <v>33</v>
      </c>
      <c r="M280" s="3" t="s">
        <v>69</v>
      </c>
      <c r="N280" s="3" t="s">
        <v>159</v>
      </c>
      <c r="O280" s="3" t="s">
        <v>37</v>
      </c>
      <c r="P280" s="3" t="s">
        <v>37</v>
      </c>
      <c r="Q280" s="3" t="s">
        <v>37</v>
      </c>
      <c r="R280" s="3" t="s">
        <v>39</v>
      </c>
      <c r="S280" s="3" t="s">
        <v>1499</v>
      </c>
      <c r="T280" s="3" t="s">
        <v>126</v>
      </c>
      <c r="U280" s="3" t="s">
        <v>37</v>
      </c>
      <c r="V280" s="3" t="s">
        <v>37</v>
      </c>
    </row>
    <row r="281" spans="1:22" ht="14.45" customHeight="1" x14ac:dyDescent="0.25">
      <c r="A281" s="3" t="s">
        <v>900</v>
      </c>
      <c r="B281" s="4" t="s">
        <v>740</v>
      </c>
      <c r="C281" s="3" t="s">
        <v>741</v>
      </c>
      <c r="D281" s="5" t="s">
        <v>1284</v>
      </c>
      <c r="E281" s="3" t="s">
        <v>1024</v>
      </c>
      <c r="F281" s="3" t="s">
        <v>1424</v>
      </c>
      <c r="G281" s="3" t="s">
        <v>486</v>
      </c>
      <c r="H281" s="3" t="s">
        <v>60</v>
      </c>
      <c r="I281" s="3" t="s">
        <v>1365</v>
      </c>
      <c r="J281" s="3" t="s">
        <v>1282</v>
      </c>
      <c r="K281" s="3" t="s">
        <v>32</v>
      </c>
      <c r="L281" s="3" t="s">
        <v>33</v>
      </c>
      <c r="M281" s="3" t="s">
        <v>69</v>
      </c>
      <c r="N281" s="3" t="s">
        <v>159</v>
      </c>
      <c r="O281" s="3" t="s">
        <v>37</v>
      </c>
      <c r="P281" s="3" t="s">
        <v>37</v>
      </c>
      <c r="Q281" s="3" t="s">
        <v>37</v>
      </c>
      <c r="R281" s="3" t="s">
        <v>39</v>
      </c>
      <c r="S281" s="3" t="s">
        <v>1425</v>
      </c>
      <c r="T281" s="3" t="s">
        <v>37</v>
      </c>
      <c r="U281" s="3" t="s">
        <v>37</v>
      </c>
      <c r="V281" s="3" t="s">
        <v>37</v>
      </c>
    </row>
    <row r="282" spans="1:22" ht="14.45" customHeight="1" x14ac:dyDescent="0.25">
      <c r="A282" s="3" t="s">
        <v>900</v>
      </c>
      <c r="B282" s="4" t="s">
        <v>740</v>
      </c>
      <c r="C282" s="3" t="s">
        <v>741</v>
      </c>
      <c r="D282" s="5" t="s">
        <v>1029</v>
      </c>
      <c r="E282" s="3" t="s">
        <v>978</v>
      </c>
      <c r="F282" s="3" t="s">
        <v>1500</v>
      </c>
      <c r="G282" s="3" t="s">
        <v>59</v>
      </c>
      <c r="H282" s="3" t="s">
        <v>60</v>
      </c>
      <c r="I282" s="3" t="s">
        <v>37</v>
      </c>
      <c r="J282" s="3" t="s">
        <v>1501</v>
      </c>
      <c r="K282" s="3" t="s">
        <v>32</v>
      </c>
      <c r="L282" s="3" t="s">
        <v>33</v>
      </c>
      <c r="M282" s="3" t="s">
        <v>69</v>
      </c>
      <c r="N282" s="3" t="s">
        <v>53</v>
      </c>
      <c r="O282" s="3" t="s">
        <v>113</v>
      </c>
      <c r="P282" s="3" t="s">
        <v>37</v>
      </c>
      <c r="Q282" s="3" t="s">
        <v>37</v>
      </c>
      <c r="R282" s="3" t="s">
        <v>39</v>
      </c>
      <c r="S282" s="3" t="s">
        <v>1502</v>
      </c>
      <c r="T282" s="3" t="s">
        <v>37</v>
      </c>
      <c r="U282" s="3" t="s">
        <v>37</v>
      </c>
      <c r="V282" s="3" t="s">
        <v>37</v>
      </c>
    </row>
    <row r="283" spans="1:22" ht="14.45" customHeight="1" x14ac:dyDescent="0.25">
      <c r="A283" s="3" t="s">
        <v>900</v>
      </c>
      <c r="B283" s="4" t="s">
        <v>740</v>
      </c>
      <c r="C283" s="3" t="s">
        <v>741</v>
      </c>
      <c r="D283" s="5" t="s">
        <v>1287</v>
      </c>
      <c r="E283" s="3" t="s">
        <v>478</v>
      </c>
      <c r="F283" s="3" t="s">
        <v>1181</v>
      </c>
      <c r="G283" s="3" t="s">
        <v>1076</v>
      </c>
      <c r="H283" s="3" t="s">
        <v>180</v>
      </c>
      <c r="I283" s="3" t="s">
        <v>37</v>
      </c>
      <c r="J283" s="3" t="s">
        <v>1182</v>
      </c>
      <c r="K283" s="3" t="s">
        <v>32</v>
      </c>
      <c r="L283" s="3" t="s">
        <v>33</v>
      </c>
      <c r="M283" s="3" t="s">
        <v>34</v>
      </c>
      <c r="N283" s="3" t="s">
        <v>159</v>
      </c>
      <c r="O283" s="3" t="s">
        <v>37</v>
      </c>
      <c r="P283" s="3" t="s">
        <v>37</v>
      </c>
      <c r="Q283" s="3" t="s">
        <v>37</v>
      </c>
      <c r="R283" s="3" t="s">
        <v>39</v>
      </c>
      <c r="S283" s="3" t="s">
        <v>1183</v>
      </c>
      <c r="T283" s="3" t="s">
        <v>37</v>
      </c>
      <c r="U283" s="3" t="s">
        <v>37</v>
      </c>
      <c r="V283" s="3" t="s">
        <v>37</v>
      </c>
    </row>
    <row r="284" spans="1:22" ht="14.45" customHeight="1" x14ac:dyDescent="0.25">
      <c r="A284" s="3" t="s">
        <v>900</v>
      </c>
      <c r="B284" s="4" t="s">
        <v>740</v>
      </c>
      <c r="C284" s="3" t="s">
        <v>741</v>
      </c>
      <c r="D284" s="5" t="s">
        <v>1030</v>
      </c>
      <c r="E284" s="3" t="s">
        <v>1004</v>
      </c>
      <c r="F284" s="3" t="s">
        <v>1503</v>
      </c>
      <c r="G284" s="3" t="s">
        <v>204</v>
      </c>
      <c r="H284" s="3" t="s">
        <v>60</v>
      </c>
      <c r="I284" s="3" t="s">
        <v>37</v>
      </c>
      <c r="J284" s="3" t="s">
        <v>1504</v>
      </c>
      <c r="K284" s="3" t="s">
        <v>32</v>
      </c>
      <c r="L284" s="3" t="s">
        <v>33</v>
      </c>
      <c r="M284" s="3" t="s">
        <v>69</v>
      </c>
      <c r="N284" s="3" t="s">
        <v>79</v>
      </c>
      <c r="O284" s="3" t="s">
        <v>54</v>
      </c>
      <c r="P284" s="3" t="s">
        <v>55</v>
      </c>
      <c r="Q284" s="3" t="s">
        <v>37</v>
      </c>
      <c r="R284" s="3" t="s">
        <v>39</v>
      </c>
      <c r="S284" s="3" t="s">
        <v>1505</v>
      </c>
      <c r="T284" s="3" t="s">
        <v>37</v>
      </c>
      <c r="U284" s="3" t="s">
        <v>37</v>
      </c>
      <c r="V284" s="3" t="s">
        <v>37</v>
      </c>
    </row>
    <row r="285" spans="1:22" ht="14.45" customHeight="1" x14ac:dyDescent="0.25">
      <c r="A285" s="3" t="s">
        <v>900</v>
      </c>
      <c r="B285" s="4" t="s">
        <v>740</v>
      </c>
      <c r="C285" s="3" t="s">
        <v>741</v>
      </c>
      <c r="D285" s="5" t="s">
        <v>333</v>
      </c>
      <c r="E285" s="3" t="s">
        <v>993</v>
      </c>
      <c r="F285" s="3" t="s">
        <v>1506</v>
      </c>
      <c r="G285" s="3" t="s">
        <v>870</v>
      </c>
      <c r="H285" s="3" t="s">
        <v>50</v>
      </c>
      <c r="I285" s="3" t="s">
        <v>996</v>
      </c>
      <c r="J285" s="3" t="s">
        <v>1507</v>
      </c>
      <c r="K285" s="3" t="s">
        <v>32</v>
      </c>
      <c r="L285" s="3" t="s">
        <v>33</v>
      </c>
      <c r="M285" s="3" t="s">
        <v>69</v>
      </c>
      <c r="N285" s="3" t="s">
        <v>131</v>
      </c>
      <c r="O285" s="3" t="s">
        <v>113</v>
      </c>
      <c r="P285" s="3" t="s">
        <v>37</v>
      </c>
      <c r="Q285" s="3" t="s">
        <v>37</v>
      </c>
      <c r="R285" s="3" t="s">
        <v>39</v>
      </c>
      <c r="S285" s="3" t="s">
        <v>1508</v>
      </c>
      <c r="T285" s="3" t="s">
        <v>37</v>
      </c>
      <c r="U285" s="3" t="s">
        <v>37</v>
      </c>
      <c r="V285" s="3" t="s">
        <v>37</v>
      </c>
    </row>
    <row r="286" spans="1:22" ht="14.45" customHeight="1" x14ac:dyDescent="0.25">
      <c r="A286" s="3" t="s">
        <v>900</v>
      </c>
      <c r="B286" s="4" t="s">
        <v>740</v>
      </c>
      <c r="C286" s="3" t="s">
        <v>741</v>
      </c>
      <c r="D286" s="5" t="s">
        <v>193</v>
      </c>
      <c r="E286" s="3" t="s">
        <v>987</v>
      </c>
      <c r="F286" s="3" t="s">
        <v>1509</v>
      </c>
      <c r="G286" s="3" t="s">
        <v>1510</v>
      </c>
      <c r="H286" s="3" t="s">
        <v>50</v>
      </c>
      <c r="I286" s="3" t="s">
        <v>1511</v>
      </c>
      <c r="J286" s="3" t="s">
        <v>1512</v>
      </c>
      <c r="K286" s="3" t="s">
        <v>32</v>
      </c>
      <c r="L286" s="3" t="s">
        <v>33</v>
      </c>
      <c r="M286" s="3" t="s">
        <v>69</v>
      </c>
      <c r="N286" s="3" t="s">
        <v>212</v>
      </c>
      <c r="O286" s="3" t="s">
        <v>113</v>
      </c>
      <c r="P286" s="3" t="s">
        <v>37</v>
      </c>
      <c r="Q286" s="3" t="s">
        <v>37</v>
      </c>
      <c r="R286" s="3" t="s">
        <v>39</v>
      </c>
      <c r="S286" s="3" t="s">
        <v>1513</v>
      </c>
      <c r="T286" s="3" t="s">
        <v>37</v>
      </c>
      <c r="U286" s="3" t="s">
        <v>37</v>
      </c>
      <c r="V286" s="3" t="s">
        <v>37</v>
      </c>
    </row>
    <row r="287" spans="1:22" ht="14.45" customHeight="1" x14ac:dyDescent="0.25">
      <c r="A287" s="3" t="s">
        <v>900</v>
      </c>
      <c r="B287" s="4" t="s">
        <v>740</v>
      </c>
      <c r="C287" s="3" t="s">
        <v>741</v>
      </c>
      <c r="D287" s="5" t="s">
        <v>477</v>
      </c>
      <c r="E287" s="3" t="s">
        <v>924</v>
      </c>
      <c r="F287" s="3" t="s">
        <v>1071</v>
      </c>
      <c r="G287" s="3" t="s">
        <v>379</v>
      </c>
      <c r="H287" s="3" t="s">
        <v>29</v>
      </c>
      <c r="I287" s="3" t="s">
        <v>1354</v>
      </c>
      <c r="J287" s="7" t="s">
        <v>927</v>
      </c>
      <c r="K287" s="3" t="s">
        <v>32</v>
      </c>
      <c r="L287" s="3" t="s">
        <v>33</v>
      </c>
      <c r="M287" s="3" t="s">
        <v>928</v>
      </c>
      <c r="N287" s="3" t="s">
        <v>159</v>
      </c>
      <c r="O287" s="3" t="s">
        <v>166</v>
      </c>
      <c r="P287" s="3" t="s">
        <v>37</v>
      </c>
      <c r="Q287" s="3" t="s">
        <v>37</v>
      </c>
      <c r="R287" s="3" t="s">
        <v>39</v>
      </c>
      <c r="S287" s="3" t="s">
        <v>1212</v>
      </c>
      <c r="T287" s="3" t="s">
        <v>37</v>
      </c>
      <c r="U287" s="3" t="s">
        <v>37</v>
      </c>
      <c r="V287" s="3" t="s">
        <v>37</v>
      </c>
    </row>
    <row r="288" spans="1:22" ht="14.45" customHeight="1" x14ac:dyDescent="0.25">
      <c r="A288" s="3" t="s">
        <v>900</v>
      </c>
      <c r="B288" s="4" t="s">
        <v>740</v>
      </c>
      <c r="C288" s="3" t="s">
        <v>741</v>
      </c>
      <c r="D288" s="5" t="s">
        <v>1302</v>
      </c>
      <c r="E288" s="3" t="s">
        <v>924</v>
      </c>
      <c r="F288" s="3" t="s">
        <v>1264</v>
      </c>
      <c r="G288" s="3" t="s">
        <v>582</v>
      </c>
      <c r="H288" s="3" t="s">
        <v>29</v>
      </c>
      <c r="I288" s="3" t="s">
        <v>1356</v>
      </c>
      <c r="J288" s="7" t="s">
        <v>927</v>
      </c>
      <c r="K288" s="3" t="s">
        <v>32</v>
      </c>
      <c r="L288" s="3" t="s">
        <v>33</v>
      </c>
      <c r="M288" s="3" t="s">
        <v>928</v>
      </c>
      <c r="N288" s="3" t="s">
        <v>159</v>
      </c>
      <c r="O288" s="3" t="s">
        <v>166</v>
      </c>
      <c r="P288" s="3" t="s">
        <v>37</v>
      </c>
      <c r="Q288" s="3" t="s">
        <v>37</v>
      </c>
      <c r="R288" s="3" t="s">
        <v>39</v>
      </c>
      <c r="S288" s="3" t="s">
        <v>1265</v>
      </c>
      <c r="T288" s="3" t="s">
        <v>37</v>
      </c>
      <c r="U288" s="3" t="s">
        <v>37</v>
      </c>
      <c r="V288" s="3" t="s">
        <v>37</v>
      </c>
    </row>
    <row r="289" spans="1:22" ht="14.45" customHeight="1" x14ac:dyDescent="0.25">
      <c r="A289" s="3" t="s">
        <v>900</v>
      </c>
      <c r="B289" s="4" t="s">
        <v>740</v>
      </c>
      <c r="C289" s="3" t="s">
        <v>741</v>
      </c>
      <c r="D289" s="5" t="s">
        <v>202</v>
      </c>
      <c r="E289" s="3" t="s">
        <v>924</v>
      </c>
      <c r="F289" s="3" t="s">
        <v>1495</v>
      </c>
      <c r="G289" s="3" t="s">
        <v>83</v>
      </c>
      <c r="H289" s="3" t="s">
        <v>29</v>
      </c>
      <c r="I289" s="3" t="s">
        <v>1356</v>
      </c>
      <c r="J289" s="7" t="s">
        <v>927</v>
      </c>
      <c r="K289" s="3" t="s">
        <v>32</v>
      </c>
      <c r="L289" s="3" t="s">
        <v>33</v>
      </c>
      <c r="M289" s="3" t="s">
        <v>928</v>
      </c>
      <c r="N289" s="3" t="s">
        <v>159</v>
      </c>
      <c r="O289" s="3" t="s">
        <v>166</v>
      </c>
      <c r="P289" s="3" t="s">
        <v>37</v>
      </c>
      <c r="Q289" s="3" t="s">
        <v>37</v>
      </c>
      <c r="R289" s="3" t="s">
        <v>39</v>
      </c>
      <c r="S289" s="3" t="s">
        <v>1496</v>
      </c>
      <c r="T289" s="3" t="s">
        <v>37</v>
      </c>
      <c r="U289" s="3" t="s">
        <v>37</v>
      </c>
      <c r="V289" s="3" t="s">
        <v>37</v>
      </c>
    </row>
    <row r="290" spans="1:22" ht="14.45" customHeight="1" x14ac:dyDescent="0.25">
      <c r="A290" s="3" t="s">
        <v>900</v>
      </c>
      <c r="B290" s="4" t="s">
        <v>740</v>
      </c>
      <c r="C290" s="3" t="s">
        <v>741</v>
      </c>
      <c r="D290" s="5" t="s">
        <v>1042</v>
      </c>
      <c r="E290" s="3" t="s">
        <v>949</v>
      </c>
      <c r="F290" s="3" t="s">
        <v>1273</v>
      </c>
      <c r="G290" s="3" t="s">
        <v>1113</v>
      </c>
      <c r="H290" s="3" t="s">
        <v>50</v>
      </c>
      <c r="I290" s="3" t="s">
        <v>37</v>
      </c>
      <c r="J290" s="3" t="s">
        <v>1275</v>
      </c>
      <c r="K290" s="3" t="s">
        <v>32</v>
      </c>
      <c r="L290" s="3" t="s">
        <v>33</v>
      </c>
      <c r="M290" s="3" t="s">
        <v>69</v>
      </c>
      <c r="N290" s="3" t="s">
        <v>159</v>
      </c>
      <c r="O290" s="3" t="s">
        <v>37</v>
      </c>
      <c r="P290" s="3" t="s">
        <v>37</v>
      </c>
      <c r="Q290" s="3" t="s">
        <v>37</v>
      </c>
      <c r="R290" s="3" t="s">
        <v>39</v>
      </c>
      <c r="S290" s="3" t="s">
        <v>1497</v>
      </c>
      <c r="T290" s="3" t="s">
        <v>37</v>
      </c>
      <c r="U290" s="3" t="s">
        <v>37</v>
      </c>
      <c r="V290" s="3" t="s">
        <v>37</v>
      </c>
    </row>
    <row r="291" spans="1:22" ht="14.45" customHeight="1" x14ac:dyDescent="0.25">
      <c r="A291" s="3" t="s">
        <v>900</v>
      </c>
      <c r="B291" s="4" t="s">
        <v>740</v>
      </c>
      <c r="C291" s="3" t="s">
        <v>741</v>
      </c>
      <c r="D291" s="5" t="s">
        <v>1305</v>
      </c>
      <c r="E291" s="3" t="s">
        <v>949</v>
      </c>
      <c r="F291" s="3" t="s">
        <v>1273</v>
      </c>
      <c r="G291" s="3" t="s">
        <v>1380</v>
      </c>
      <c r="H291" s="3" t="s">
        <v>50</v>
      </c>
      <c r="I291" s="3" t="s">
        <v>37</v>
      </c>
      <c r="J291" s="3" t="s">
        <v>1275</v>
      </c>
      <c r="K291" s="3" t="s">
        <v>32</v>
      </c>
      <c r="L291" s="3" t="s">
        <v>33</v>
      </c>
      <c r="M291" s="3" t="s">
        <v>69</v>
      </c>
      <c r="N291" s="3" t="s">
        <v>159</v>
      </c>
      <c r="O291" s="3" t="s">
        <v>37</v>
      </c>
      <c r="P291" s="3" t="s">
        <v>37</v>
      </c>
      <c r="Q291" s="3" t="s">
        <v>37</v>
      </c>
      <c r="R291" s="3" t="s">
        <v>39</v>
      </c>
      <c r="S291" s="3" t="s">
        <v>1423</v>
      </c>
      <c r="T291" s="3" t="s">
        <v>37</v>
      </c>
      <c r="U291" s="3" t="s">
        <v>37</v>
      </c>
      <c r="V291" s="3" t="s">
        <v>37</v>
      </c>
    </row>
    <row r="292" spans="1:22" ht="14.45" customHeight="1" x14ac:dyDescent="0.25">
      <c r="A292" s="3" t="s">
        <v>900</v>
      </c>
      <c r="B292" s="4" t="s">
        <v>740</v>
      </c>
      <c r="C292" s="3" t="s">
        <v>741</v>
      </c>
      <c r="D292" s="5" t="s">
        <v>207</v>
      </c>
      <c r="E292" s="3" t="s">
        <v>1024</v>
      </c>
      <c r="F292" s="3" t="s">
        <v>1498</v>
      </c>
      <c r="G292" s="3" t="s">
        <v>443</v>
      </c>
      <c r="H292" s="3" t="s">
        <v>60</v>
      </c>
      <c r="I292" s="3" t="s">
        <v>1365</v>
      </c>
      <c r="J292" s="3" t="s">
        <v>1282</v>
      </c>
      <c r="K292" s="3" t="s">
        <v>32</v>
      </c>
      <c r="L292" s="3" t="s">
        <v>33</v>
      </c>
      <c r="M292" s="3" t="s">
        <v>69</v>
      </c>
      <c r="N292" s="3" t="s">
        <v>159</v>
      </c>
      <c r="O292" s="3" t="s">
        <v>37</v>
      </c>
      <c r="P292" s="3" t="s">
        <v>37</v>
      </c>
      <c r="Q292" s="3" t="s">
        <v>37</v>
      </c>
      <c r="R292" s="3" t="s">
        <v>39</v>
      </c>
      <c r="S292" s="3" t="s">
        <v>1499</v>
      </c>
      <c r="T292" s="3" t="s">
        <v>37</v>
      </c>
      <c r="U292" s="3" t="s">
        <v>37</v>
      </c>
      <c r="V292" s="3" t="s">
        <v>37</v>
      </c>
    </row>
    <row r="293" spans="1:22" ht="14.45" customHeight="1" x14ac:dyDescent="0.25">
      <c r="A293" s="3" t="s">
        <v>900</v>
      </c>
      <c r="B293" s="4" t="s">
        <v>740</v>
      </c>
      <c r="C293" s="3" t="s">
        <v>741</v>
      </c>
      <c r="D293" s="5" t="s">
        <v>1306</v>
      </c>
      <c r="E293" s="3" t="s">
        <v>1024</v>
      </c>
      <c r="F293" s="3" t="s">
        <v>1424</v>
      </c>
      <c r="G293" s="3" t="s">
        <v>486</v>
      </c>
      <c r="H293" s="3" t="s">
        <v>60</v>
      </c>
      <c r="I293" s="3" t="s">
        <v>1365</v>
      </c>
      <c r="J293" s="3" t="s">
        <v>1282</v>
      </c>
      <c r="K293" s="3" t="s">
        <v>32</v>
      </c>
      <c r="L293" s="3" t="s">
        <v>33</v>
      </c>
      <c r="M293" s="3" t="s">
        <v>69</v>
      </c>
      <c r="N293" s="3" t="s">
        <v>159</v>
      </c>
      <c r="O293" s="3" t="s">
        <v>37</v>
      </c>
      <c r="P293" s="3" t="s">
        <v>37</v>
      </c>
      <c r="Q293" s="3" t="s">
        <v>37</v>
      </c>
      <c r="R293" s="3" t="s">
        <v>39</v>
      </c>
      <c r="S293" s="3" t="s">
        <v>1425</v>
      </c>
      <c r="T293" s="3" t="s">
        <v>37</v>
      </c>
      <c r="U293" s="3" t="s">
        <v>37</v>
      </c>
      <c r="V293" s="3" t="s">
        <v>37</v>
      </c>
    </row>
    <row r="294" spans="1:22" ht="14.45" customHeight="1" x14ac:dyDescent="0.25">
      <c r="A294" s="3" t="s">
        <v>900</v>
      </c>
      <c r="B294" s="4" t="s">
        <v>740</v>
      </c>
      <c r="C294" s="3" t="s">
        <v>741</v>
      </c>
      <c r="D294" s="5" t="s">
        <v>353</v>
      </c>
      <c r="E294" s="3" t="s">
        <v>978</v>
      </c>
      <c r="F294" s="3" t="s">
        <v>1500</v>
      </c>
      <c r="G294" s="3" t="s">
        <v>59</v>
      </c>
      <c r="H294" s="3" t="s">
        <v>60</v>
      </c>
      <c r="I294" s="3" t="s">
        <v>37</v>
      </c>
      <c r="J294" s="3" t="s">
        <v>1501</v>
      </c>
      <c r="K294" s="3" t="s">
        <v>32</v>
      </c>
      <c r="L294" s="3" t="s">
        <v>33</v>
      </c>
      <c r="M294" s="3" t="s">
        <v>69</v>
      </c>
      <c r="N294" s="3" t="s">
        <v>53</v>
      </c>
      <c r="O294" s="3" t="s">
        <v>113</v>
      </c>
      <c r="P294" s="3" t="s">
        <v>37</v>
      </c>
      <c r="Q294" s="3" t="s">
        <v>37</v>
      </c>
      <c r="R294" s="3" t="s">
        <v>39</v>
      </c>
      <c r="S294" s="3" t="s">
        <v>1502</v>
      </c>
      <c r="T294" s="3" t="s">
        <v>37</v>
      </c>
      <c r="U294" s="3" t="s">
        <v>37</v>
      </c>
      <c r="V294" s="3" t="s">
        <v>37</v>
      </c>
    </row>
    <row r="295" spans="1:22" ht="14.45" customHeight="1" x14ac:dyDescent="0.25">
      <c r="A295" s="3" t="s">
        <v>900</v>
      </c>
      <c r="B295" s="4" t="s">
        <v>740</v>
      </c>
      <c r="C295" s="3" t="s">
        <v>741</v>
      </c>
      <c r="D295" s="5" t="s">
        <v>215</v>
      </c>
      <c r="E295" s="3" t="s">
        <v>478</v>
      </c>
      <c r="F295" s="3" t="s">
        <v>1181</v>
      </c>
      <c r="G295" s="3" t="s">
        <v>1076</v>
      </c>
      <c r="H295" s="3" t="s">
        <v>180</v>
      </c>
      <c r="I295" s="3" t="s">
        <v>37</v>
      </c>
      <c r="J295" s="3" t="s">
        <v>1182</v>
      </c>
      <c r="K295" s="3" t="s">
        <v>32</v>
      </c>
      <c r="L295" s="3" t="s">
        <v>33</v>
      </c>
      <c r="M295" s="3" t="s">
        <v>34</v>
      </c>
      <c r="N295" s="3" t="s">
        <v>159</v>
      </c>
      <c r="O295" s="3" t="s">
        <v>37</v>
      </c>
      <c r="P295" s="3" t="s">
        <v>37</v>
      </c>
      <c r="Q295" s="3" t="s">
        <v>37</v>
      </c>
      <c r="R295" s="3" t="s">
        <v>39</v>
      </c>
      <c r="S295" s="3" t="s">
        <v>1183</v>
      </c>
      <c r="T295" s="3" t="s">
        <v>37</v>
      </c>
      <c r="U295" s="3" t="s">
        <v>37</v>
      </c>
      <c r="V295" s="3" t="s">
        <v>37</v>
      </c>
    </row>
    <row r="296" spans="1:22" ht="14.45" customHeight="1" x14ac:dyDescent="0.25">
      <c r="A296" s="3" t="s">
        <v>900</v>
      </c>
      <c r="B296" s="4" t="s">
        <v>740</v>
      </c>
      <c r="C296" s="3" t="s">
        <v>741</v>
      </c>
      <c r="D296" s="5" t="s">
        <v>1056</v>
      </c>
      <c r="E296" s="3" t="s">
        <v>1004</v>
      </c>
      <c r="F296" s="3" t="s">
        <v>1503</v>
      </c>
      <c r="G296" s="3" t="s">
        <v>204</v>
      </c>
      <c r="H296" s="3" t="s">
        <v>60</v>
      </c>
      <c r="I296" s="3" t="s">
        <v>37</v>
      </c>
      <c r="J296" s="3" t="s">
        <v>1504</v>
      </c>
      <c r="K296" s="3" t="s">
        <v>32</v>
      </c>
      <c r="L296" s="3" t="s">
        <v>33</v>
      </c>
      <c r="M296" s="3" t="s">
        <v>69</v>
      </c>
      <c r="N296" s="3" t="s">
        <v>79</v>
      </c>
      <c r="O296" s="3" t="s">
        <v>54</v>
      </c>
      <c r="P296" s="3" t="s">
        <v>55</v>
      </c>
      <c r="Q296" s="3" t="s">
        <v>37</v>
      </c>
      <c r="R296" s="3" t="s">
        <v>39</v>
      </c>
      <c r="S296" s="3" t="s">
        <v>1505</v>
      </c>
      <c r="T296" s="3" t="s">
        <v>37</v>
      </c>
      <c r="U296" s="3" t="s">
        <v>37</v>
      </c>
      <c r="V296" s="3" t="s">
        <v>37</v>
      </c>
    </row>
    <row r="297" spans="1:22" ht="14.45" customHeight="1" x14ac:dyDescent="0.25">
      <c r="A297" s="3" t="s">
        <v>900</v>
      </c>
      <c r="B297" s="4" t="s">
        <v>740</v>
      </c>
      <c r="C297" s="3" t="s">
        <v>741</v>
      </c>
      <c r="D297" s="5" t="s">
        <v>217</v>
      </c>
      <c r="E297" s="3" t="s">
        <v>993</v>
      </c>
      <c r="F297" s="3" t="s">
        <v>1506</v>
      </c>
      <c r="G297" s="3" t="s">
        <v>870</v>
      </c>
      <c r="H297" s="3" t="s">
        <v>50</v>
      </c>
      <c r="I297" s="3" t="s">
        <v>996</v>
      </c>
      <c r="J297" s="3" t="s">
        <v>1507</v>
      </c>
      <c r="K297" s="3" t="s">
        <v>32</v>
      </c>
      <c r="L297" s="3" t="s">
        <v>33</v>
      </c>
      <c r="M297" s="3" t="s">
        <v>69</v>
      </c>
      <c r="N297" s="3" t="s">
        <v>131</v>
      </c>
      <c r="O297" s="3" t="s">
        <v>113</v>
      </c>
      <c r="P297" s="3" t="s">
        <v>37</v>
      </c>
      <c r="Q297" s="3" t="s">
        <v>37</v>
      </c>
      <c r="R297" s="3" t="s">
        <v>39</v>
      </c>
      <c r="S297" s="3" t="s">
        <v>1508</v>
      </c>
      <c r="T297" s="3" t="s">
        <v>37</v>
      </c>
      <c r="U297" s="3" t="s">
        <v>37</v>
      </c>
      <c r="V297" s="3" t="s">
        <v>37</v>
      </c>
    </row>
    <row r="298" spans="1:22" ht="14.45" customHeight="1" x14ac:dyDescent="0.25">
      <c r="A298" s="3" t="s">
        <v>900</v>
      </c>
      <c r="B298" s="4" t="s">
        <v>740</v>
      </c>
      <c r="C298" s="3" t="s">
        <v>741</v>
      </c>
      <c r="D298" s="5" t="s">
        <v>1063</v>
      </c>
      <c r="E298" s="3" t="s">
        <v>913</v>
      </c>
      <c r="F298" s="3" t="s">
        <v>1084</v>
      </c>
      <c r="G298" s="3" t="s">
        <v>118</v>
      </c>
      <c r="H298" s="3" t="s">
        <v>29</v>
      </c>
      <c r="I298" s="3" t="s">
        <v>915</v>
      </c>
      <c r="J298" s="3" t="s">
        <v>1085</v>
      </c>
      <c r="K298" s="3" t="s">
        <v>32</v>
      </c>
      <c r="L298" s="3" t="s">
        <v>33</v>
      </c>
      <c r="M298" s="3" t="s">
        <v>34</v>
      </c>
      <c r="N298" s="3" t="s">
        <v>53</v>
      </c>
      <c r="O298" s="3" t="s">
        <v>54</v>
      </c>
      <c r="P298" s="3" t="s">
        <v>37</v>
      </c>
      <c r="Q298" s="3" t="s">
        <v>37</v>
      </c>
      <c r="R298" s="3" t="s">
        <v>39</v>
      </c>
      <c r="S298" s="3" t="s">
        <v>1086</v>
      </c>
      <c r="T298" s="3" t="s">
        <v>37</v>
      </c>
      <c r="U298" s="3" t="s">
        <v>37</v>
      </c>
      <c r="V298" s="3" t="s">
        <v>37</v>
      </c>
    </row>
    <row r="299" spans="1:22" ht="14.45" customHeight="1" x14ac:dyDescent="0.25">
      <c r="A299" s="3"/>
      <c r="B299" s="4"/>
      <c r="C299" s="3"/>
      <c r="D299" s="5"/>
      <c r="E299" s="6" t="s">
        <v>1067</v>
      </c>
      <c r="F299" s="3"/>
      <c r="G299" s="3"/>
      <c r="H299" s="3"/>
      <c r="I299" s="3"/>
      <c r="J299" s="3"/>
      <c r="K299" s="3"/>
      <c r="L299" s="3"/>
      <c r="M299" s="3"/>
      <c r="N299" s="3"/>
      <c r="O299" s="3"/>
      <c r="P299" s="3"/>
      <c r="Q299" s="3"/>
      <c r="R299" s="3"/>
      <c r="S299" s="3"/>
      <c r="T299" s="3"/>
      <c r="U299" s="3"/>
      <c r="V299" s="3"/>
    </row>
    <row r="300" spans="1:22" ht="14.45" customHeight="1" x14ac:dyDescent="0.25">
      <c r="A300" s="3"/>
      <c r="B300" s="4"/>
      <c r="C300" s="3"/>
      <c r="D300" s="5"/>
      <c r="E300" s="3"/>
      <c r="F300" s="3"/>
      <c r="G300" s="3"/>
      <c r="H300" s="3"/>
      <c r="I300" s="3"/>
      <c r="J300" s="3"/>
      <c r="K300" s="3"/>
      <c r="L300" s="3"/>
      <c r="M300" s="3"/>
      <c r="N300" s="3"/>
      <c r="O300" s="3"/>
      <c r="P300" s="3"/>
      <c r="Q300" s="3"/>
      <c r="R300" s="3"/>
      <c r="S300" s="3"/>
      <c r="T300" s="3"/>
      <c r="U300" s="3"/>
      <c r="V300" s="3"/>
    </row>
    <row r="301" spans="1:22" ht="14.45" customHeight="1" x14ac:dyDescent="0.25">
      <c r="A301" s="3" t="s">
        <v>900</v>
      </c>
      <c r="B301" s="4" t="s">
        <v>816</v>
      </c>
      <c r="C301" s="3" t="s">
        <v>817</v>
      </c>
      <c r="D301" s="5" t="s">
        <v>25</v>
      </c>
      <c r="E301" s="3" t="s">
        <v>901</v>
      </c>
      <c r="F301" s="3" t="s">
        <v>1514</v>
      </c>
      <c r="G301" s="3" t="s">
        <v>1515</v>
      </c>
      <c r="H301" s="3" t="s">
        <v>50</v>
      </c>
      <c r="I301" s="3" t="s">
        <v>904</v>
      </c>
      <c r="J301" s="3" t="s">
        <v>1516</v>
      </c>
      <c r="K301" s="3" t="s">
        <v>32</v>
      </c>
      <c r="L301" s="3" t="s">
        <v>33</v>
      </c>
      <c r="M301" s="3" t="s">
        <v>69</v>
      </c>
      <c r="N301" s="3" t="s">
        <v>906</v>
      </c>
      <c r="O301" s="3" t="s">
        <v>113</v>
      </c>
      <c r="P301" s="3" t="s">
        <v>37</v>
      </c>
      <c r="Q301" s="3" t="s">
        <v>37</v>
      </c>
      <c r="R301" s="3" t="s">
        <v>39</v>
      </c>
      <c r="S301" s="3" t="s">
        <v>1517</v>
      </c>
      <c r="T301" s="3" t="s">
        <v>37</v>
      </c>
      <c r="U301" s="3" t="s">
        <v>37</v>
      </c>
      <c r="V301" s="3" t="s">
        <v>37</v>
      </c>
    </row>
    <row r="302" spans="1:22" ht="14.45" customHeight="1" x14ac:dyDescent="0.25">
      <c r="A302" s="3" t="s">
        <v>900</v>
      </c>
      <c r="B302" s="4" t="s">
        <v>816</v>
      </c>
      <c r="C302" s="3" t="s">
        <v>817</v>
      </c>
      <c r="D302" s="5" t="s">
        <v>908</v>
      </c>
      <c r="E302" s="3" t="s">
        <v>901</v>
      </c>
      <c r="F302" s="3" t="s">
        <v>1518</v>
      </c>
      <c r="G302" s="3" t="s">
        <v>1124</v>
      </c>
      <c r="H302" s="3" t="s">
        <v>50</v>
      </c>
      <c r="I302" s="3" t="s">
        <v>1077</v>
      </c>
      <c r="J302" s="3" t="s">
        <v>1519</v>
      </c>
      <c r="K302" s="3" t="s">
        <v>32</v>
      </c>
      <c r="L302" s="3" t="s">
        <v>33</v>
      </c>
      <c r="M302" s="3" t="s">
        <v>69</v>
      </c>
      <c r="N302" s="3" t="s">
        <v>906</v>
      </c>
      <c r="O302" s="3" t="s">
        <v>113</v>
      </c>
      <c r="P302" s="3" t="s">
        <v>37</v>
      </c>
      <c r="Q302" s="3" t="s">
        <v>37</v>
      </c>
      <c r="R302" s="3" t="s">
        <v>39</v>
      </c>
      <c r="S302" s="3" t="s">
        <v>1520</v>
      </c>
      <c r="T302" s="3" t="s">
        <v>37</v>
      </c>
      <c r="U302" s="3" t="s">
        <v>37</v>
      </c>
      <c r="V302" s="3" t="s">
        <v>37</v>
      </c>
    </row>
    <row r="303" spans="1:22" ht="14.45" customHeight="1" x14ac:dyDescent="0.25">
      <c r="A303" s="3" t="s">
        <v>900</v>
      </c>
      <c r="B303" s="4" t="s">
        <v>816</v>
      </c>
      <c r="C303" s="3" t="s">
        <v>817</v>
      </c>
      <c r="D303" s="5" t="s">
        <v>46</v>
      </c>
      <c r="E303" s="3" t="s">
        <v>924</v>
      </c>
      <c r="F303" s="3" t="s">
        <v>1100</v>
      </c>
      <c r="G303" s="3" t="s">
        <v>118</v>
      </c>
      <c r="H303" s="3" t="s">
        <v>29</v>
      </c>
      <c r="I303" s="3" t="s">
        <v>1354</v>
      </c>
      <c r="J303" s="3" t="s">
        <v>1101</v>
      </c>
      <c r="K303" s="3" t="s">
        <v>32</v>
      </c>
      <c r="L303" s="3" t="s">
        <v>33</v>
      </c>
      <c r="M303" s="3" t="s">
        <v>928</v>
      </c>
      <c r="N303" s="3" t="s">
        <v>159</v>
      </c>
      <c r="O303" s="3" t="s">
        <v>166</v>
      </c>
      <c r="P303" s="3" t="s">
        <v>37</v>
      </c>
      <c r="Q303" s="3" t="s">
        <v>37</v>
      </c>
      <c r="R303" s="3" t="s">
        <v>39</v>
      </c>
      <c r="S303" s="3" t="s">
        <v>1102</v>
      </c>
      <c r="T303" s="3" t="s">
        <v>37</v>
      </c>
      <c r="U303" s="3" t="s">
        <v>37</v>
      </c>
      <c r="V303" s="3" t="s">
        <v>37</v>
      </c>
    </row>
    <row r="304" spans="1:22" ht="14.45" customHeight="1" x14ac:dyDescent="0.25">
      <c r="A304" s="3" t="s">
        <v>900</v>
      </c>
      <c r="B304" s="4" t="s">
        <v>816</v>
      </c>
      <c r="C304" s="3" t="s">
        <v>817</v>
      </c>
      <c r="D304" s="5" t="s">
        <v>1207</v>
      </c>
      <c r="E304" s="3" t="s">
        <v>924</v>
      </c>
      <c r="F304" s="3" t="s">
        <v>1521</v>
      </c>
      <c r="G304" s="3" t="s">
        <v>281</v>
      </c>
      <c r="H304" s="3" t="s">
        <v>29</v>
      </c>
      <c r="I304" s="3" t="s">
        <v>1356</v>
      </c>
      <c r="J304" s="3" t="s">
        <v>1522</v>
      </c>
      <c r="K304" s="3" t="s">
        <v>32</v>
      </c>
      <c r="L304" s="3" t="s">
        <v>33</v>
      </c>
      <c r="M304" s="3" t="s">
        <v>928</v>
      </c>
      <c r="N304" s="3" t="s">
        <v>159</v>
      </c>
      <c r="O304" s="3" t="s">
        <v>166</v>
      </c>
      <c r="P304" s="3" t="s">
        <v>37</v>
      </c>
      <c r="Q304" s="3" t="s">
        <v>37</v>
      </c>
      <c r="R304" s="3" t="s">
        <v>39</v>
      </c>
      <c r="S304" s="3" t="s">
        <v>1523</v>
      </c>
      <c r="T304" s="3" t="s">
        <v>37</v>
      </c>
      <c r="U304" s="3" t="s">
        <v>37</v>
      </c>
      <c r="V304" s="3" t="s">
        <v>37</v>
      </c>
    </row>
    <row r="305" spans="1:22" ht="14.45" customHeight="1" x14ac:dyDescent="0.25">
      <c r="A305" s="3" t="s">
        <v>900</v>
      </c>
      <c r="B305" s="4" t="s">
        <v>816</v>
      </c>
      <c r="C305" s="3" t="s">
        <v>817</v>
      </c>
      <c r="D305" s="5" t="s">
        <v>1211</v>
      </c>
      <c r="E305" s="3" t="s">
        <v>924</v>
      </c>
      <c r="F305" s="3" t="s">
        <v>1151</v>
      </c>
      <c r="G305" s="3" t="s">
        <v>59</v>
      </c>
      <c r="H305" s="3" t="s">
        <v>29</v>
      </c>
      <c r="I305" s="3" t="s">
        <v>1356</v>
      </c>
      <c r="J305" s="7" t="s">
        <v>927</v>
      </c>
      <c r="K305" s="3" t="s">
        <v>32</v>
      </c>
      <c r="L305" s="3" t="s">
        <v>33</v>
      </c>
      <c r="M305" s="3" t="s">
        <v>928</v>
      </c>
      <c r="N305" s="3" t="s">
        <v>159</v>
      </c>
      <c r="O305" s="3" t="s">
        <v>166</v>
      </c>
      <c r="P305" s="3" t="s">
        <v>37</v>
      </c>
      <c r="Q305" s="3" t="s">
        <v>37</v>
      </c>
      <c r="R305" s="3" t="s">
        <v>39</v>
      </c>
      <c r="S305" s="3" t="s">
        <v>1152</v>
      </c>
      <c r="T305" s="3" t="s">
        <v>37</v>
      </c>
      <c r="U305" s="3" t="s">
        <v>37</v>
      </c>
      <c r="V305" s="3" t="s">
        <v>37</v>
      </c>
    </row>
    <row r="306" spans="1:22" ht="14.45" customHeight="1" x14ac:dyDescent="0.25">
      <c r="A306" s="3" t="s">
        <v>900</v>
      </c>
      <c r="B306" s="4" t="s">
        <v>816</v>
      </c>
      <c r="C306" s="3" t="s">
        <v>817</v>
      </c>
      <c r="D306" s="5" t="s">
        <v>918</v>
      </c>
      <c r="E306" s="3" t="s">
        <v>924</v>
      </c>
      <c r="F306" s="3" t="s">
        <v>1264</v>
      </c>
      <c r="G306" s="3" t="s">
        <v>582</v>
      </c>
      <c r="H306" s="3" t="s">
        <v>29</v>
      </c>
      <c r="I306" s="3" t="s">
        <v>1356</v>
      </c>
      <c r="J306" s="7" t="s">
        <v>927</v>
      </c>
      <c r="K306" s="3" t="s">
        <v>32</v>
      </c>
      <c r="L306" s="3" t="s">
        <v>33</v>
      </c>
      <c r="M306" s="3" t="s">
        <v>928</v>
      </c>
      <c r="N306" s="3" t="s">
        <v>159</v>
      </c>
      <c r="O306" s="3" t="s">
        <v>166</v>
      </c>
      <c r="P306" s="3" t="s">
        <v>37</v>
      </c>
      <c r="Q306" s="3" t="s">
        <v>37</v>
      </c>
      <c r="R306" s="3" t="s">
        <v>39</v>
      </c>
      <c r="S306" s="3" t="s">
        <v>1265</v>
      </c>
      <c r="T306" s="3" t="s">
        <v>37</v>
      </c>
      <c r="U306" s="3" t="s">
        <v>37</v>
      </c>
      <c r="V306" s="3" t="s">
        <v>37</v>
      </c>
    </row>
    <row r="307" spans="1:22" ht="14.45" customHeight="1" x14ac:dyDescent="0.25">
      <c r="A307" s="3" t="s">
        <v>900</v>
      </c>
      <c r="B307" s="4" t="s">
        <v>816</v>
      </c>
      <c r="C307" s="3" t="s">
        <v>817</v>
      </c>
      <c r="D307" s="5" t="s">
        <v>1213</v>
      </c>
      <c r="E307" s="3" t="s">
        <v>924</v>
      </c>
      <c r="F307" s="3" t="s">
        <v>1073</v>
      </c>
      <c r="G307" s="3" t="s">
        <v>369</v>
      </c>
      <c r="H307" s="3" t="s">
        <v>29</v>
      </c>
      <c r="I307" s="3" t="s">
        <v>1356</v>
      </c>
      <c r="J307" s="7" t="s">
        <v>927</v>
      </c>
      <c r="K307" s="3" t="s">
        <v>32</v>
      </c>
      <c r="L307" s="3" t="s">
        <v>33</v>
      </c>
      <c r="M307" s="3" t="s">
        <v>928</v>
      </c>
      <c r="N307" s="3" t="s">
        <v>159</v>
      </c>
      <c r="O307" s="3" t="s">
        <v>166</v>
      </c>
      <c r="P307" s="3" t="s">
        <v>37</v>
      </c>
      <c r="Q307" s="3" t="s">
        <v>37</v>
      </c>
      <c r="R307" s="3" t="s">
        <v>39</v>
      </c>
      <c r="S307" s="3" t="s">
        <v>1360</v>
      </c>
      <c r="T307" s="3" t="s">
        <v>37</v>
      </c>
      <c r="U307" s="3" t="s">
        <v>37</v>
      </c>
      <c r="V307" s="3" t="s">
        <v>37</v>
      </c>
    </row>
    <row r="308" spans="1:22" ht="14.45" customHeight="1" x14ac:dyDescent="0.25">
      <c r="A308" s="3" t="s">
        <v>900</v>
      </c>
      <c r="B308" s="4" t="s">
        <v>816</v>
      </c>
      <c r="C308" s="3" t="s">
        <v>817</v>
      </c>
      <c r="D308" s="5" t="s">
        <v>641</v>
      </c>
      <c r="E308" s="3" t="s">
        <v>924</v>
      </c>
      <c r="F308" s="3" t="s">
        <v>1216</v>
      </c>
      <c r="G308" s="3" t="s">
        <v>98</v>
      </c>
      <c r="H308" s="3" t="s">
        <v>29</v>
      </c>
      <c r="I308" s="3" t="s">
        <v>1354</v>
      </c>
      <c r="J308" s="7" t="s">
        <v>927</v>
      </c>
      <c r="K308" s="3" t="s">
        <v>32</v>
      </c>
      <c r="L308" s="3" t="s">
        <v>33</v>
      </c>
      <c r="M308" s="3" t="s">
        <v>928</v>
      </c>
      <c r="N308" s="3" t="s">
        <v>159</v>
      </c>
      <c r="O308" s="3" t="s">
        <v>166</v>
      </c>
      <c r="P308" s="3" t="s">
        <v>37</v>
      </c>
      <c r="Q308" s="3" t="s">
        <v>37</v>
      </c>
      <c r="R308" s="3" t="s">
        <v>39</v>
      </c>
      <c r="S308" s="3" t="s">
        <v>1217</v>
      </c>
      <c r="T308" s="3" t="s">
        <v>37</v>
      </c>
      <c r="U308" s="3" t="s">
        <v>37</v>
      </c>
      <c r="V308" s="3" t="s">
        <v>37</v>
      </c>
    </row>
    <row r="309" spans="1:22" ht="14.45" customHeight="1" x14ac:dyDescent="0.25">
      <c r="A309" s="3" t="s">
        <v>900</v>
      </c>
      <c r="B309" s="4" t="s">
        <v>816</v>
      </c>
      <c r="C309" s="3" t="s">
        <v>817</v>
      </c>
      <c r="D309" s="5" t="s">
        <v>923</v>
      </c>
      <c r="E309" s="3" t="s">
        <v>478</v>
      </c>
      <c r="F309" s="3" t="s">
        <v>1524</v>
      </c>
      <c r="G309" s="3" t="s">
        <v>129</v>
      </c>
      <c r="H309" s="3" t="s">
        <v>29</v>
      </c>
      <c r="I309" s="3" t="s">
        <v>1219</v>
      </c>
      <c r="J309" s="3" t="s">
        <v>1525</v>
      </c>
      <c r="K309" s="3" t="s">
        <v>32</v>
      </c>
      <c r="L309" s="3" t="s">
        <v>1221</v>
      </c>
      <c r="M309" s="3" t="s">
        <v>34</v>
      </c>
      <c r="N309" s="3" t="s">
        <v>131</v>
      </c>
      <c r="O309" s="3" t="s">
        <v>113</v>
      </c>
      <c r="P309" s="3" t="s">
        <v>37</v>
      </c>
      <c r="Q309" s="3" t="s">
        <v>37</v>
      </c>
      <c r="R309" s="3" t="s">
        <v>39</v>
      </c>
      <c r="S309" s="3" t="s">
        <v>1526</v>
      </c>
      <c r="T309" s="3" t="s">
        <v>37</v>
      </c>
      <c r="U309" s="3" t="s">
        <v>37</v>
      </c>
      <c r="V309" s="3" t="s">
        <v>37</v>
      </c>
    </row>
    <row r="310" spans="1:22" ht="14.45" customHeight="1" x14ac:dyDescent="0.25">
      <c r="A310" s="3" t="s">
        <v>900</v>
      </c>
      <c r="B310" s="4" t="s">
        <v>816</v>
      </c>
      <c r="C310" s="3" t="s">
        <v>817</v>
      </c>
      <c r="D310" s="5" t="s">
        <v>938</v>
      </c>
      <c r="E310" s="3" t="s">
        <v>478</v>
      </c>
      <c r="F310" s="3" t="s">
        <v>485</v>
      </c>
      <c r="G310" s="3" t="s">
        <v>486</v>
      </c>
      <c r="H310" s="3" t="s">
        <v>60</v>
      </c>
      <c r="I310" s="3" t="s">
        <v>481</v>
      </c>
      <c r="J310" s="3" t="s">
        <v>487</v>
      </c>
      <c r="K310" s="3" t="s">
        <v>32</v>
      </c>
      <c r="L310" s="3" t="s">
        <v>37</v>
      </c>
      <c r="M310" s="3" t="s">
        <v>34</v>
      </c>
      <c r="N310" s="3" t="s">
        <v>79</v>
      </c>
      <c r="O310" s="3" t="s">
        <v>113</v>
      </c>
      <c r="P310" s="3" t="s">
        <v>37</v>
      </c>
      <c r="Q310" s="3" t="s">
        <v>37</v>
      </c>
      <c r="R310" s="3" t="s">
        <v>39</v>
      </c>
      <c r="S310" s="3" t="s">
        <v>488</v>
      </c>
      <c r="T310" s="3" t="s">
        <v>37</v>
      </c>
      <c r="U310" s="3" t="s">
        <v>37</v>
      </c>
      <c r="V310" s="3" t="s">
        <v>37</v>
      </c>
    </row>
    <row r="311" spans="1:22" ht="14.45" customHeight="1" x14ac:dyDescent="0.25">
      <c r="A311" s="3" t="s">
        <v>900</v>
      </c>
      <c r="B311" s="4" t="s">
        <v>816</v>
      </c>
      <c r="C311" s="3" t="s">
        <v>817</v>
      </c>
      <c r="D311" s="5" t="s">
        <v>948</v>
      </c>
      <c r="E311" s="3" t="s">
        <v>919</v>
      </c>
      <c r="F311" s="3" t="s">
        <v>1527</v>
      </c>
      <c r="G311" s="3" t="s">
        <v>290</v>
      </c>
      <c r="H311" s="3" t="s">
        <v>29</v>
      </c>
      <c r="I311" s="3" t="s">
        <v>37</v>
      </c>
      <c r="J311" s="3" t="s">
        <v>1528</v>
      </c>
      <c r="K311" s="3" t="s">
        <v>32</v>
      </c>
      <c r="L311" s="3" t="s">
        <v>33</v>
      </c>
      <c r="M311" s="3" t="s">
        <v>69</v>
      </c>
      <c r="N311" s="3" t="s">
        <v>53</v>
      </c>
      <c r="O311" s="3" t="s">
        <v>54</v>
      </c>
      <c r="P311" s="3" t="s">
        <v>37</v>
      </c>
      <c r="Q311" s="3" t="s">
        <v>37</v>
      </c>
      <c r="R311" s="3" t="s">
        <v>39</v>
      </c>
      <c r="S311" s="3" t="s">
        <v>1529</v>
      </c>
      <c r="T311" s="3" t="s">
        <v>37</v>
      </c>
      <c r="U311" s="3" t="s">
        <v>37</v>
      </c>
      <c r="V311" s="3" t="s">
        <v>37</v>
      </c>
    </row>
    <row r="312" spans="1:22" ht="14.45" customHeight="1" x14ac:dyDescent="0.25">
      <c r="A312" s="3" t="s">
        <v>900</v>
      </c>
      <c r="B312" s="4" t="s">
        <v>816</v>
      </c>
      <c r="C312" s="3" t="s">
        <v>817</v>
      </c>
      <c r="D312" s="5" t="s">
        <v>953</v>
      </c>
      <c r="E312" s="3" t="s">
        <v>919</v>
      </c>
      <c r="F312" s="3" t="s">
        <v>1530</v>
      </c>
      <c r="G312" s="3" t="s">
        <v>295</v>
      </c>
      <c r="H312" s="3" t="s">
        <v>29</v>
      </c>
      <c r="I312" s="3" t="s">
        <v>37</v>
      </c>
      <c r="J312" s="3" t="s">
        <v>1531</v>
      </c>
      <c r="K312" s="3" t="s">
        <v>32</v>
      </c>
      <c r="L312" s="3" t="s">
        <v>33</v>
      </c>
      <c r="M312" s="3" t="s">
        <v>69</v>
      </c>
      <c r="N312" s="3" t="s">
        <v>53</v>
      </c>
      <c r="O312" s="3" t="s">
        <v>54</v>
      </c>
      <c r="P312" s="3" t="s">
        <v>37</v>
      </c>
      <c r="Q312" s="3" t="s">
        <v>37</v>
      </c>
      <c r="R312" s="3" t="s">
        <v>39</v>
      </c>
      <c r="S312" s="3" t="s">
        <v>1532</v>
      </c>
      <c r="T312" s="3" t="s">
        <v>37</v>
      </c>
      <c r="U312" s="3" t="s">
        <v>37</v>
      </c>
      <c r="V312" s="3" t="s">
        <v>37</v>
      </c>
    </row>
    <row r="313" spans="1:22" ht="14.45" customHeight="1" x14ac:dyDescent="0.25">
      <c r="A313" s="3" t="s">
        <v>900</v>
      </c>
      <c r="B313" s="4" t="s">
        <v>816</v>
      </c>
      <c r="C313" s="3" t="s">
        <v>817</v>
      </c>
      <c r="D313" s="5" t="s">
        <v>957</v>
      </c>
      <c r="E313" s="3" t="s">
        <v>982</v>
      </c>
      <c r="F313" s="3" t="s">
        <v>1533</v>
      </c>
      <c r="G313" s="3" t="s">
        <v>443</v>
      </c>
      <c r="H313" s="3" t="s">
        <v>60</v>
      </c>
      <c r="I313" s="3" t="s">
        <v>1157</v>
      </c>
      <c r="J313" s="3" t="s">
        <v>1534</v>
      </c>
      <c r="K313" s="3" t="s">
        <v>32</v>
      </c>
      <c r="L313" s="3" t="s">
        <v>33</v>
      </c>
      <c r="M313" s="3" t="s">
        <v>69</v>
      </c>
      <c r="N313" s="3" t="s">
        <v>53</v>
      </c>
      <c r="O313" s="3" t="s">
        <v>36</v>
      </c>
      <c r="P313" s="3" t="s">
        <v>37</v>
      </c>
      <c r="Q313" s="3" t="s">
        <v>37</v>
      </c>
      <c r="R313" s="3" t="s">
        <v>39</v>
      </c>
      <c r="S313" s="3" t="s">
        <v>1535</v>
      </c>
      <c r="T313" s="3" t="s">
        <v>37</v>
      </c>
      <c r="U313" s="3" t="s">
        <v>37</v>
      </c>
      <c r="V313" s="3" t="s">
        <v>37</v>
      </c>
    </row>
    <row r="314" spans="1:22" ht="14.45" customHeight="1" x14ac:dyDescent="0.25">
      <c r="A314" s="3" t="s">
        <v>900</v>
      </c>
      <c r="B314" s="4" t="s">
        <v>816</v>
      </c>
      <c r="C314" s="3" t="s">
        <v>817</v>
      </c>
      <c r="D314" s="5" t="s">
        <v>962</v>
      </c>
      <c r="E314" s="3" t="s">
        <v>982</v>
      </c>
      <c r="F314" s="3" t="s">
        <v>1536</v>
      </c>
      <c r="G314" s="3" t="s">
        <v>480</v>
      </c>
      <c r="H314" s="3" t="s">
        <v>60</v>
      </c>
      <c r="I314" s="3" t="s">
        <v>1537</v>
      </c>
      <c r="J314" s="3" t="s">
        <v>1538</v>
      </c>
      <c r="K314" s="3" t="s">
        <v>32</v>
      </c>
      <c r="L314" s="3" t="s">
        <v>33</v>
      </c>
      <c r="M314" s="3" t="s">
        <v>69</v>
      </c>
      <c r="N314" s="3" t="s">
        <v>53</v>
      </c>
      <c r="O314" s="3" t="s">
        <v>36</v>
      </c>
      <c r="P314" s="3" t="s">
        <v>37</v>
      </c>
      <c r="Q314" s="3" t="s">
        <v>37</v>
      </c>
      <c r="R314" s="3" t="s">
        <v>39</v>
      </c>
      <c r="S314" s="3" t="s">
        <v>1539</v>
      </c>
      <c r="T314" s="3" t="s">
        <v>37</v>
      </c>
      <c r="U314" s="3" t="s">
        <v>37</v>
      </c>
      <c r="V314" s="3" t="s">
        <v>37</v>
      </c>
    </row>
    <row r="315" spans="1:22" ht="14.45" customHeight="1" x14ac:dyDescent="0.25">
      <c r="A315" s="3" t="s">
        <v>900</v>
      </c>
      <c r="B315" s="4" t="s">
        <v>816</v>
      </c>
      <c r="C315" s="3" t="s">
        <v>817</v>
      </c>
      <c r="D315" s="5" t="s">
        <v>966</v>
      </c>
      <c r="E315" s="3" t="s">
        <v>982</v>
      </c>
      <c r="F315" s="3" t="s">
        <v>1540</v>
      </c>
      <c r="G315" s="3" t="s">
        <v>607</v>
      </c>
      <c r="H315" s="3" t="s">
        <v>60</v>
      </c>
      <c r="I315" s="3" t="s">
        <v>1541</v>
      </c>
      <c r="J315" s="3" t="s">
        <v>1542</v>
      </c>
      <c r="K315" s="3" t="s">
        <v>32</v>
      </c>
      <c r="L315" s="3" t="s">
        <v>33</v>
      </c>
      <c r="M315" s="3" t="s">
        <v>69</v>
      </c>
      <c r="N315" s="3" t="s">
        <v>53</v>
      </c>
      <c r="O315" s="3" t="s">
        <v>36</v>
      </c>
      <c r="P315" s="3" t="s">
        <v>37</v>
      </c>
      <c r="Q315" s="3" t="s">
        <v>37</v>
      </c>
      <c r="R315" s="3" t="s">
        <v>39</v>
      </c>
      <c r="S315" s="3" t="s">
        <v>1543</v>
      </c>
      <c r="T315" s="3" t="s">
        <v>37</v>
      </c>
      <c r="U315" s="3" t="s">
        <v>37</v>
      </c>
      <c r="V315" s="3" t="s">
        <v>37</v>
      </c>
    </row>
    <row r="316" spans="1:22" ht="14.45" customHeight="1" x14ac:dyDescent="0.25">
      <c r="A316" s="3" t="s">
        <v>900</v>
      </c>
      <c r="B316" s="4" t="s">
        <v>816</v>
      </c>
      <c r="C316" s="3" t="s">
        <v>817</v>
      </c>
      <c r="D316" s="5" t="s">
        <v>1241</v>
      </c>
      <c r="E316" s="3" t="s">
        <v>478</v>
      </c>
      <c r="F316" s="3" t="s">
        <v>1544</v>
      </c>
      <c r="G316" s="3" t="s">
        <v>358</v>
      </c>
      <c r="H316" s="3" t="s">
        <v>29</v>
      </c>
      <c r="I316" s="3" t="s">
        <v>1243</v>
      </c>
      <c r="J316" s="3" t="s">
        <v>1545</v>
      </c>
      <c r="K316" s="3" t="s">
        <v>32</v>
      </c>
      <c r="L316" s="3" t="s">
        <v>1221</v>
      </c>
      <c r="M316" s="3" t="s">
        <v>34</v>
      </c>
      <c r="N316" s="3" t="s">
        <v>131</v>
      </c>
      <c r="O316" s="3" t="s">
        <v>113</v>
      </c>
      <c r="P316" s="3" t="s">
        <v>37</v>
      </c>
      <c r="Q316" s="3" t="s">
        <v>37</v>
      </c>
      <c r="R316" s="3" t="s">
        <v>39</v>
      </c>
      <c r="S316" s="3" t="s">
        <v>1546</v>
      </c>
      <c r="T316" s="3" t="s">
        <v>37</v>
      </c>
      <c r="U316" s="3" t="s">
        <v>37</v>
      </c>
      <c r="V316" s="3" t="s">
        <v>37</v>
      </c>
    </row>
    <row r="317" spans="1:22" ht="14.45" customHeight="1" x14ac:dyDescent="0.25">
      <c r="A317" s="3" t="s">
        <v>900</v>
      </c>
      <c r="B317" s="4" t="s">
        <v>816</v>
      </c>
      <c r="C317" s="3" t="s">
        <v>817</v>
      </c>
      <c r="D317" s="5" t="s">
        <v>971</v>
      </c>
      <c r="E317" s="3" t="s">
        <v>478</v>
      </c>
      <c r="F317" s="3" t="s">
        <v>1547</v>
      </c>
      <c r="G317" s="3" t="s">
        <v>135</v>
      </c>
      <c r="H317" s="3" t="s">
        <v>29</v>
      </c>
      <c r="I317" s="3" t="s">
        <v>1243</v>
      </c>
      <c r="J317" s="3" t="s">
        <v>1548</v>
      </c>
      <c r="K317" s="3" t="s">
        <v>32</v>
      </c>
      <c r="L317" s="3" t="s">
        <v>1221</v>
      </c>
      <c r="M317" s="3" t="s">
        <v>34</v>
      </c>
      <c r="N317" s="3" t="s">
        <v>131</v>
      </c>
      <c r="O317" s="3" t="s">
        <v>113</v>
      </c>
      <c r="P317" s="3" t="s">
        <v>37</v>
      </c>
      <c r="Q317" s="3" t="s">
        <v>37</v>
      </c>
      <c r="R317" s="3" t="s">
        <v>39</v>
      </c>
      <c r="S317" s="3" t="s">
        <v>1549</v>
      </c>
      <c r="T317" s="3" t="s">
        <v>37</v>
      </c>
      <c r="U317" s="3" t="s">
        <v>37</v>
      </c>
      <c r="V317" s="3" t="s">
        <v>37</v>
      </c>
    </row>
    <row r="318" spans="1:22" ht="14.45" customHeight="1" x14ac:dyDescent="0.25">
      <c r="A318" s="3" t="s">
        <v>900</v>
      </c>
      <c r="B318" s="4" t="s">
        <v>816</v>
      </c>
      <c r="C318" s="3" t="s">
        <v>817</v>
      </c>
      <c r="D318" s="5" t="s">
        <v>972</v>
      </c>
      <c r="E318" s="3" t="s">
        <v>478</v>
      </c>
      <c r="F318" s="3" t="s">
        <v>1550</v>
      </c>
      <c r="G318" s="3" t="s">
        <v>28</v>
      </c>
      <c r="H318" s="3" t="s">
        <v>29</v>
      </c>
      <c r="I318" s="3" t="s">
        <v>1219</v>
      </c>
      <c r="J318" s="3" t="s">
        <v>1551</v>
      </c>
      <c r="K318" s="3" t="s">
        <v>32</v>
      </c>
      <c r="L318" s="3" t="s">
        <v>1221</v>
      </c>
      <c r="M318" s="3" t="s">
        <v>34</v>
      </c>
      <c r="N318" s="3" t="s">
        <v>131</v>
      </c>
      <c r="O318" s="3" t="s">
        <v>113</v>
      </c>
      <c r="P318" s="3" t="s">
        <v>37</v>
      </c>
      <c r="Q318" s="3" t="s">
        <v>37</v>
      </c>
      <c r="R318" s="3" t="s">
        <v>39</v>
      </c>
      <c r="S318" s="3" t="s">
        <v>1552</v>
      </c>
      <c r="T318" s="3" t="s">
        <v>37</v>
      </c>
      <c r="U318" s="3" t="s">
        <v>37</v>
      </c>
      <c r="V318" s="3" t="s">
        <v>37</v>
      </c>
    </row>
    <row r="319" spans="1:22" ht="14.45" customHeight="1" x14ac:dyDescent="0.25">
      <c r="A319" s="3" t="s">
        <v>900</v>
      </c>
      <c r="B319" s="4" t="s">
        <v>816</v>
      </c>
      <c r="C319" s="3" t="s">
        <v>817</v>
      </c>
      <c r="D319" s="5" t="s">
        <v>127</v>
      </c>
      <c r="E319" s="3" t="s">
        <v>1024</v>
      </c>
      <c r="F319" s="3" t="s">
        <v>1553</v>
      </c>
      <c r="G319" s="3" t="s">
        <v>195</v>
      </c>
      <c r="H319" s="3" t="s">
        <v>29</v>
      </c>
      <c r="I319" s="3" t="s">
        <v>1253</v>
      </c>
      <c r="J319" s="3" t="s">
        <v>1554</v>
      </c>
      <c r="K319" s="3" t="s">
        <v>32</v>
      </c>
      <c r="L319" s="3" t="s">
        <v>33</v>
      </c>
      <c r="M319" s="3" t="s">
        <v>69</v>
      </c>
      <c r="N319" s="3" t="s">
        <v>53</v>
      </c>
      <c r="O319" s="3" t="s">
        <v>36</v>
      </c>
      <c r="P319" s="3" t="s">
        <v>37</v>
      </c>
      <c r="Q319" s="3" t="s">
        <v>37</v>
      </c>
      <c r="R319" s="3" t="s">
        <v>39</v>
      </c>
      <c r="S319" s="3" t="s">
        <v>1555</v>
      </c>
      <c r="T319" s="3" t="s">
        <v>37</v>
      </c>
      <c r="U319" s="3" t="s">
        <v>37</v>
      </c>
      <c r="V319" s="3" t="s">
        <v>37</v>
      </c>
    </row>
    <row r="320" spans="1:22" ht="14.45" customHeight="1" x14ac:dyDescent="0.25">
      <c r="A320" s="3" t="s">
        <v>900</v>
      </c>
      <c r="B320" s="4" t="s">
        <v>816</v>
      </c>
      <c r="C320" s="3" t="s">
        <v>817</v>
      </c>
      <c r="D320" s="5" t="s">
        <v>431</v>
      </c>
      <c r="E320" s="3" t="s">
        <v>1024</v>
      </c>
      <c r="F320" s="3" t="s">
        <v>1556</v>
      </c>
      <c r="G320" s="3" t="s">
        <v>269</v>
      </c>
      <c r="H320" s="3" t="s">
        <v>29</v>
      </c>
      <c r="I320" s="3" t="s">
        <v>1253</v>
      </c>
      <c r="J320" s="3" t="s">
        <v>1557</v>
      </c>
      <c r="K320" s="3" t="s">
        <v>32</v>
      </c>
      <c r="L320" s="3" t="s">
        <v>33</v>
      </c>
      <c r="M320" s="3" t="s">
        <v>69</v>
      </c>
      <c r="N320" s="3" t="s">
        <v>53</v>
      </c>
      <c r="O320" s="3" t="s">
        <v>36</v>
      </c>
      <c r="P320" s="3" t="s">
        <v>37</v>
      </c>
      <c r="Q320" s="3" t="s">
        <v>37</v>
      </c>
      <c r="R320" s="3" t="s">
        <v>39</v>
      </c>
      <c r="S320" s="3" t="s">
        <v>1558</v>
      </c>
      <c r="T320" s="3" t="s">
        <v>37</v>
      </c>
      <c r="U320" s="3" t="s">
        <v>37</v>
      </c>
      <c r="V320" s="3" t="s">
        <v>37</v>
      </c>
    </row>
    <row r="321" spans="1:22" ht="14.45" customHeight="1" x14ac:dyDescent="0.25">
      <c r="A321" s="3" t="s">
        <v>900</v>
      </c>
      <c r="B321" s="4" t="s">
        <v>816</v>
      </c>
      <c r="C321" s="3" t="s">
        <v>817</v>
      </c>
      <c r="D321" s="5" t="s">
        <v>138</v>
      </c>
      <c r="E321" s="3" t="s">
        <v>924</v>
      </c>
      <c r="F321" s="3" t="s">
        <v>1559</v>
      </c>
      <c r="G321" s="3" t="s">
        <v>480</v>
      </c>
      <c r="H321" s="3" t="s">
        <v>29</v>
      </c>
      <c r="I321" s="3" t="s">
        <v>1356</v>
      </c>
      <c r="J321" s="7" t="s">
        <v>927</v>
      </c>
      <c r="K321" s="3" t="s">
        <v>32</v>
      </c>
      <c r="L321" s="3" t="s">
        <v>33</v>
      </c>
      <c r="M321" s="3" t="s">
        <v>928</v>
      </c>
      <c r="N321" s="3" t="s">
        <v>159</v>
      </c>
      <c r="O321" s="3" t="s">
        <v>166</v>
      </c>
      <c r="P321" s="3" t="s">
        <v>37</v>
      </c>
      <c r="Q321" s="3" t="s">
        <v>37</v>
      </c>
      <c r="R321" s="3" t="s">
        <v>39</v>
      </c>
      <c r="S321" s="3" t="s">
        <v>1560</v>
      </c>
      <c r="T321" s="3" t="s">
        <v>37</v>
      </c>
      <c r="U321" s="3" t="s">
        <v>37</v>
      </c>
      <c r="V321" s="3" t="s">
        <v>37</v>
      </c>
    </row>
    <row r="322" spans="1:22" ht="14.45" customHeight="1" x14ac:dyDescent="0.25">
      <c r="A322" s="3" t="s">
        <v>900</v>
      </c>
      <c r="B322" s="4" t="s">
        <v>816</v>
      </c>
      <c r="C322" s="3" t="s">
        <v>817</v>
      </c>
      <c r="D322" s="5" t="s">
        <v>684</v>
      </c>
      <c r="E322" s="3" t="s">
        <v>924</v>
      </c>
      <c r="F322" s="3" t="s">
        <v>1561</v>
      </c>
      <c r="G322" s="3" t="s">
        <v>274</v>
      </c>
      <c r="H322" s="3" t="s">
        <v>29</v>
      </c>
      <c r="I322" s="3" t="s">
        <v>1356</v>
      </c>
      <c r="J322" s="7" t="s">
        <v>927</v>
      </c>
      <c r="K322" s="3" t="s">
        <v>32</v>
      </c>
      <c r="L322" s="3" t="s">
        <v>33</v>
      </c>
      <c r="M322" s="3" t="s">
        <v>928</v>
      </c>
      <c r="N322" s="3" t="s">
        <v>159</v>
      </c>
      <c r="O322" s="3" t="s">
        <v>166</v>
      </c>
      <c r="P322" s="3" t="s">
        <v>37</v>
      </c>
      <c r="Q322" s="3" t="s">
        <v>37</v>
      </c>
      <c r="R322" s="3" t="s">
        <v>39</v>
      </c>
      <c r="S322" s="3" t="s">
        <v>1562</v>
      </c>
      <c r="T322" s="3" t="s">
        <v>37</v>
      </c>
      <c r="U322" s="3" t="s">
        <v>37</v>
      </c>
      <c r="V322" s="3" t="s">
        <v>37</v>
      </c>
    </row>
    <row r="323" spans="1:22" ht="14.45" customHeight="1" x14ac:dyDescent="0.25">
      <c r="A323" s="3" t="s">
        <v>900</v>
      </c>
      <c r="B323" s="4" t="s">
        <v>816</v>
      </c>
      <c r="C323" s="3" t="s">
        <v>817</v>
      </c>
      <c r="D323" s="5" t="s">
        <v>1261</v>
      </c>
      <c r="E323" s="3" t="s">
        <v>924</v>
      </c>
      <c r="F323" s="3" t="s">
        <v>1096</v>
      </c>
      <c r="G323" s="3" t="s">
        <v>443</v>
      </c>
      <c r="H323" s="3" t="s">
        <v>29</v>
      </c>
      <c r="I323" s="3" t="s">
        <v>1354</v>
      </c>
      <c r="J323" s="3" t="s">
        <v>1097</v>
      </c>
      <c r="K323" s="3" t="s">
        <v>32</v>
      </c>
      <c r="L323" s="3" t="s">
        <v>33</v>
      </c>
      <c r="M323" s="3" t="s">
        <v>928</v>
      </c>
      <c r="N323" s="3" t="s">
        <v>159</v>
      </c>
      <c r="O323" s="3" t="s">
        <v>166</v>
      </c>
      <c r="P323" s="3" t="s">
        <v>37</v>
      </c>
      <c r="Q323" s="3" t="s">
        <v>37</v>
      </c>
      <c r="R323" s="3" t="s">
        <v>39</v>
      </c>
      <c r="S323" s="3" t="s">
        <v>1098</v>
      </c>
      <c r="T323" s="3" t="s">
        <v>37</v>
      </c>
      <c r="U323" s="3" t="s">
        <v>37</v>
      </c>
      <c r="V323" s="3" t="s">
        <v>37</v>
      </c>
    </row>
    <row r="324" spans="1:22" ht="14.45" customHeight="1" x14ac:dyDescent="0.25">
      <c r="A324" s="3" t="s">
        <v>900</v>
      </c>
      <c r="B324" s="4" t="s">
        <v>816</v>
      </c>
      <c r="C324" s="3" t="s">
        <v>817</v>
      </c>
      <c r="D324" s="5" t="s">
        <v>992</v>
      </c>
      <c r="E324" s="3" t="s">
        <v>924</v>
      </c>
      <c r="F324" s="3" t="s">
        <v>1069</v>
      </c>
      <c r="G324" s="3" t="s">
        <v>242</v>
      </c>
      <c r="H324" s="3" t="s">
        <v>29</v>
      </c>
      <c r="I324" s="3" t="s">
        <v>1356</v>
      </c>
      <c r="J324" s="7" t="s">
        <v>927</v>
      </c>
      <c r="K324" s="3" t="s">
        <v>32</v>
      </c>
      <c r="L324" s="3" t="s">
        <v>33</v>
      </c>
      <c r="M324" s="3" t="s">
        <v>928</v>
      </c>
      <c r="N324" s="3" t="s">
        <v>159</v>
      </c>
      <c r="O324" s="3" t="s">
        <v>166</v>
      </c>
      <c r="P324" s="3" t="s">
        <v>37</v>
      </c>
      <c r="Q324" s="3" t="s">
        <v>37</v>
      </c>
      <c r="R324" s="3" t="s">
        <v>39</v>
      </c>
      <c r="S324" s="3" t="s">
        <v>1262</v>
      </c>
      <c r="T324" s="3" t="s">
        <v>37</v>
      </c>
      <c r="U324" s="3" t="s">
        <v>37</v>
      </c>
      <c r="V324" s="3" t="s">
        <v>37</v>
      </c>
    </row>
    <row r="325" spans="1:22" ht="14.45" customHeight="1" x14ac:dyDescent="0.25">
      <c r="A325" s="3" t="s">
        <v>900</v>
      </c>
      <c r="B325" s="4" t="s">
        <v>816</v>
      </c>
      <c r="C325" s="3" t="s">
        <v>817</v>
      </c>
      <c r="D325" s="5" t="s">
        <v>1263</v>
      </c>
      <c r="E325" s="3" t="s">
        <v>924</v>
      </c>
      <c r="F325" s="3" t="s">
        <v>1071</v>
      </c>
      <c r="G325" s="3" t="s">
        <v>379</v>
      </c>
      <c r="H325" s="3" t="s">
        <v>29</v>
      </c>
      <c r="I325" s="3" t="s">
        <v>1354</v>
      </c>
      <c r="J325" s="7" t="s">
        <v>927</v>
      </c>
      <c r="K325" s="3" t="s">
        <v>32</v>
      </c>
      <c r="L325" s="3" t="s">
        <v>33</v>
      </c>
      <c r="M325" s="3" t="s">
        <v>928</v>
      </c>
      <c r="N325" s="3" t="s">
        <v>159</v>
      </c>
      <c r="O325" s="3" t="s">
        <v>166</v>
      </c>
      <c r="P325" s="3" t="s">
        <v>37</v>
      </c>
      <c r="Q325" s="3" t="s">
        <v>37</v>
      </c>
      <c r="R325" s="3" t="s">
        <v>39</v>
      </c>
      <c r="S325" s="3" t="s">
        <v>1212</v>
      </c>
      <c r="T325" s="3" t="s">
        <v>37</v>
      </c>
      <c r="U325" s="3" t="s">
        <v>37</v>
      </c>
      <c r="V325" s="3" t="s">
        <v>37</v>
      </c>
    </row>
    <row r="326" spans="1:22" ht="14.45" customHeight="1" x14ac:dyDescent="0.25">
      <c r="A326" s="3" t="s">
        <v>900</v>
      </c>
      <c r="B326" s="4" t="s">
        <v>816</v>
      </c>
      <c r="C326" s="3" t="s">
        <v>817</v>
      </c>
      <c r="D326" s="5" t="s">
        <v>152</v>
      </c>
      <c r="E326" s="3" t="s">
        <v>924</v>
      </c>
      <c r="F326" s="3" t="s">
        <v>1266</v>
      </c>
      <c r="G326" s="3" t="s">
        <v>253</v>
      </c>
      <c r="H326" s="3" t="s">
        <v>29</v>
      </c>
      <c r="I326" s="3" t="s">
        <v>1356</v>
      </c>
      <c r="J326" s="7" t="s">
        <v>927</v>
      </c>
      <c r="K326" s="3" t="s">
        <v>32</v>
      </c>
      <c r="L326" s="3" t="s">
        <v>33</v>
      </c>
      <c r="M326" s="3" t="s">
        <v>928</v>
      </c>
      <c r="N326" s="3" t="s">
        <v>159</v>
      </c>
      <c r="O326" s="3" t="s">
        <v>166</v>
      </c>
      <c r="P326" s="3" t="s">
        <v>37</v>
      </c>
      <c r="Q326" s="3" t="s">
        <v>37</v>
      </c>
      <c r="R326" s="3" t="s">
        <v>39</v>
      </c>
      <c r="S326" s="3" t="s">
        <v>1267</v>
      </c>
      <c r="T326" s="3" t="s">
        <v>37</v>
      </c>
      <c r="U326" s="3" t="s">
        <v>37</v>
      </c>
      <c r="V326" s="3" t="s">
        <v>37</v>
      </c>
    </row>
    <row r="327" spans="1:22" ht="14.45" customHeight="1" x14ac:dyDescent="0.25">
      <c r="A327" s="3" t="s">
        <v>900</v>
      </c>
      <c r="B327" s="4" t="s">
        <v>816</v>
      </c>
      <c r="C327" s="3" t="s">
        <v>817</v>
      </c>
      <c r="D327" s="5" t="s">
        <v>154</v>
      </c>
      <c r="E327" s="3" t="s">
        <v>919</v>
      </c>
      <c r="F327" s="3" t="s">
        <v>1452</v>
      </c>
      <c r="G327" s="3" t="s">
        <v>141</v>
      </c>
      <c r="H327" s="3" t="s">
        <v>29</v>
      </c>
      <c r="I327" s="3" t="s">
        <v>37</v>
      </c>
      <c r="J327" s="3" t="s">
        <v>1453</v>
      </c>
      <c r="K327" s="3" t="s">
        <v>32</v>
      </c>
      <c r="L327" s="3" t="s">
        <v>33</v>
      </c>
      <c r="M327" s="3" t="s">
        <v>69</v>
      </c>
      <c r="N327" s="3" t="s">
        <v>53</v>
      </c>
      <c r="O327" s="3" t="s">
        <v>54</v>
      </c>
      <c r="P327" s="3" t="s">
        <v>37</v>
      </c>
      <c r="Q327" s="3" t="s">
        <v>37</v>
      </c>
      <c r="R327" s="3" t="s">
        <v>39</v>
      </c>
      <c r="S327" s="3" t="s">
        <v>1454</v>
      </c>
      <c r="T327" s="3" t="s">
        <v>37</v>
      </c>
      <c r="U327" s="3" t="s">
        <v>37</v>
      </c>
      <c r="V327" s="3" t="s">
        <v>37</v>
      </c>
    </row>
    <row r="328" spans="1:22" ht="14.45" customHeight="1" x14ac:dyDescent="0.25">
      <c r="A328" s="3" t="s">
        <v>900</v>
      </c>
      <c r="B328" s="4" t="s">
        <v>816</v>
      </c>
      <c r="C328" s="3" t="s">
        <v>817</v>
      </c>
      <c r="D328" s="5" t="s">
        <v>161</v>
      </c>
      <c r="E328" s="3" t="s">
        <v>478</v>
      </c>
      <c r="F328" s="3" t="s">
        <v>1181</v>
      </c>
      <c r="G328" s="3" t="s">
        <v>1076</v>
      </c>
      <c r="H328" s="3" t="s">
        <v>180</v>
      </c>
      <c r="I328" s="3" t="s">
        <v>37</v>
      </c>
      <c r="J328" s="3" t="s">
        <v>1182</v>
      </c>
      <c r="K328" s="3" t="s">
        <v>32</v>
      </c>
      <c r="L328" s="3" t="s">
        <v>33</v>
      </c>
      <c r="M328" s="3" t="s">
        <v>34</v>
      </c>
      <c r="N328" s="3" t="s">
        <v>159</v>
      </c>
      <c r="O328" s="3" t="s">
        <v>37</v>
      </c>
      <c r="P328" s="3" t="s">
        <v>37</v>
      </c>
      <c r="Q328" s="3" t="s">
        <v>37</v>
      </c>
      <c r="R328" s="3" t="s">
        <v>39</v>
      </c>
      <c r="S328" s="3" t="s">
        <v>1183</v>
      </c>
      <c r="T328" s="3" t="s">
        <v>37</v>
      </c>
      <c r="U328" s="3" t="s">
        <v>37</v>
      </c>
      <c r="V328" s="3" t="s">
        <v>37</v>
      </c>
    </row>
    <row r="329" spans="1:22" ht="14.45" customHeight="1" x14ac:dyDescent="0.25">
      <c r="A329" s="3" t="s">
        <v>900</v>
      </c>
      <c r="B329" s="4" t="s">
        <v>816</v>
      </c>
      <c r="C329" s="3" t="s">
        <v>817</v>
      </c>
      <c r="D329" s="5" t="s">
        <v>1009</v>
      </c>
      <c r="E329" s="3" t="s">
        <v>924</v>
      </c>
      <c r="F329" s="3" t="s">
        <v>1563</v>
      </c>
      <c r="G329" s="3" t="s">
        <v>1174</v>
      </c>
      <c r="H329" s="3" t="s">
        <v>29</v>
      </c>
      <c r="I329" s="3" t="s">
        <v>1356</v>
      </c>
      <c r="J329" s="7" t="s">
        <v>927</v>
      </c>
      <c r="K329" s="3" t="s">
        <v>32</v>
      </c>
      <c r="L329" s="3" t="s">
        <v>33</v>
      </c>
      <c r="M329" s="3" t="s">
        <v>928</v>
      </c>
      <c r="N329" s="3" t="s">
        <v>159</v>
      </c>
      <c r="O329" s="3" t="s">
        <v>166</v>
      </c>
      <c r="P329" s="3" t="s">
        <v>37</v>
      </c>
      <c r="Q329" s="3" t="s">
        <v>37</v>
      </c>
      <c r="R329" s="3" t="s">
        <v>39</v>
      </c>
      <c r="S329" s="3" t="s">
        <v>1564</v>
      </c>
      <c r="T329" s="3" t="s">
        <v>126</v>
      </c>
      <c r="U329" s="3" t="s">
        <v>37</v>
      </c>
      <c r="V329" s="3" t="s">
        <v>37</v>
      </c>
    </row>
    <row r="330" spans="1:22" ht="14.45" customHeight="1" x14ac:dyDescent="0.25">
      <c r="A330" s="3" t="s">
        <v>900</v>
      </c>
      <c r="B330" s="4" t="s">
        <v>816</v>
      </c>
      <c r="C330" s="3" t="s">
        <v>817</v>
      </c>
      <c r="D330" s="5" t="s">
        <v>172</v>
      </c>
      <c r="E330" s="3" t="s">
        <v>924</v>
      </c>
      <c r="F330" s="3" t="s">
        <v>1071</v>
      </c>
      <c r="G330" s="3" t="s">
        <v>379</v>
      </c>
      <c r="H330" s="3" t="s">
        <v>29</v>
      </c>
      <c r="I330" s="3" t="s">
        <v>1354</v>
      </c>
      <c r="J330" s="7" t="s">
        <v>927</v>
      </c>
      <c r="K330" s="3" t="s">
        <v>32</v>
      </c>
      <c r="L330" s="3" t="s">
        <v>33</v>
      </c>
      <c r="M330" s="3" t="s">
        <v>928</v>
      </c>
      <c r="N330" s="3" t="s">
        <v>159</v>
      </c>
      <c r="O330" s="3" t="s">
        <v>166</v>
      </c>
      <c r="P330" s="3" t="s">
        <v>37</v>
      </c>
      <c r="Q330" s="3" t="s">
        <v>37</v>
      </c>
      <c r="R330" s="3" t="s">
        <v>39</v>
      </c>
      <c r="S330" s="3" t="s">
        <v>1212</v>
      </c>
      <c r="T330" s="3" t="s">
        <v>37</v>
      </c>
      <c r="U330" s="3" t="s">
        <v>37</v>
      </c>
      <c r="V330" s="3" t="s">
        <v>37</v>
      </c>
    </row>
    <row r="331" spans="1:22" ht="14.45" customHeight="1" x14ac:dyDescent="0.25">
      <c r="A331" s="3" t="s">
        <v>900</v>
      </c>
      <c r="B331" s="4" t="s">
        <v>816</v>
      </c>
      <c r="C331" s="3" t="s">
        <v>817</v>
      </c>
      <c r="D331" s="5" t="s">
        <v>1014</v>
      </c>
      <c r="E331" s="3" t="s">
        <v>924</v>
      </c>
      <c r="F331" s="3" t="s">
        <v>1266</v>
      </c>
      <c r="G331" s="3" t="s">
        <v>253</v>
      </c>
      <c r="H331" s="3" t="s">
        <v>29</v>
      </c>
      <c r="I331" s="3" t="s">
        <v>1356</v>
      </c>
      <c r="J331" s="7" t="s">
        <v>927</v>
      </c>
      <c r="K331" s="3" t="s">
        <v>32</v>
      </c>
      <c r="L331" s="3" t="s">
        <v>33</v>
      </c>
      <c r="M331" s="3" t="s">
        <v>928</v>
      </c>
      <c r="N331" s="3" t="s">
        <v>159</v>
      </c>
      <c r="O331" s="3" t="s">
        <v>166</v>
      </c>
      <c r="P331" s="3" t="s">
        <v>37</v>
      </c>
      <c r="Q331" s="3" t="s">
        <v>37</v>
      </c>
      <c r="R331" s="3" t="s">
        <v>39</v>
      </c>
      <c r="S331" s="3" t="s">
        <v>1267</v>
      </c>
      <c r="T331" s="3" t="s">
        <v>37</v>
      </c>
      <c r="U331" s="3" t="s">
        <v>37</v>
      </c>
      <c r="V331" s="3" t="s">
        <v>37</v>
      </c>
    </row>
    <row r="332" spans="1:22" ht="14.45" customHeight="1" x14ac:dyDescent="0.25">
      <c r="A332" s="3" t="s">
        <v>900</v>
      </c>
      <c r="B332" s="4" t="s">
        <v>816</v>
      </c>
      <c r="C332" s="3" t="s">
        <v>817</v>
      </c>
      <c r="D332" s="5" t="s">
        <v>1018</v>
      </c>
      <c r="E332" s="3" t="s">
        <v>949</v>
      </c>
      <c r="F332" s="3" t="s">
        <v>1273</v>
      </c>
      <c r="G332" s="3" t="s">
        <v>204</v>
      </c>
      <c r="H332" s="3" t="s">
        <v>50</v>
      </c>
      <c r="I332" s="3" t="s">
        <v>37</v>
      </c>
      <c r="J332" s="3" t="s">
        <v>1275</v>
      </c>
      <c r="K332" s="3" t="s">
        <v>32</v>
      </c>
      <c r="L332" s="3" t="s">
        <v>33</v>
      </c>
      <c r="M332" s="3" t="s">
        <v>69</v>
      </c>
      <c r="N332" s="3" t="s">
        <v>159</v>
      </c>
      <c r="O332" s="3" t="s">
        <v>37</v>
      </c>
      <c r="P332" s="3" t="s">
        <v>37</v>
      </c>
      <c r="Q332" s="3" t="s">
        <v>37</v>
      </c>
      <c r="R332" s="3" t="s">
        <v>39</v>
      </c>
      <c r="S332" s="3" t="s">
        <v>1565</v>
      </c>
      <c r="T332" s="3" t="s">
        <v>126</v>
      </c>
      <c r="U332" s="3" t="s">
        <v>37</v>
      </c>
      <c r="V332" s="3" t="s">
        <v>37</v>
      </c>
    </row>
    <row r="333" spans="1:22" ht="14.45" customHeight="1" x14ac:dyDescent="0.25">
      <c r="A333" s="3" t="s">
        <v>900</v>
      </c>
      <c r="B333" s="4" t="s">
        <v>816</v>
      </c>
      <c r="C333" s="3" t="s">
        <v>817</v>
      </c>
      <c r="D333" s="5" t="s">
        <v>176</v>
      </c>
      <c r="E333" s="3" t="s">
        <v>949</v>
      </c>
      <c r="F333" s="3" t="s">
        <v>1273</v>
      </c>
      <c r="G333" s="3" t="s">
        <v>1113</v>
      </c>
      <c r="H333" s="3" t="s">
        <v>50</v>
      </c>
      <c r="I333" s="3" t="s">
        <v>37</v>
      </c>
      <c r="J333" s="3" t="s">
        <v>1275</v>
      </c>
      <c r="K333" s="3" t="s">
        <v>32</v>
      </c>
      <c r="L333" s="3" t="s">
        <v>33</v>
      </c>
      <c r="M333" s="3" t="s">
        <v>69</v>
      </c>
      <c r="N333" s="3" t="s">
        <v>159</v>
      </c>
      <c r="O333" s="3" t="s">
        <v>37</v>
      </c>
      <c r="P333" s="3" t="s">
        <v>37</v>
      </c>
      <c r="Q333" s="3" t="s">
        <v>37</v>
      </c>
      <c r="R333" s="3" t="s">
        <v>39</v>
      </c>
      <c r="S333" s="3" t="s">
        <v>1497</v>
      </c>
      <c r="T333" s="3" t="s">
        <v>37</v>
      </c>
      <c r="U333" s="3" t="s">
        <v>37</v>
      </c>
      <c r="V333" s="3" t="s">
        <v>37</v>
      </c>
    </row>
    <row r="334" spans="1:22" ht="14.45" customHeight="1" x14ac:dyDescent="0.25">
      <c r="A334" s="3" t="s">
        <v>900</v>
      </c>
      <c r="B334" s="4" t="s">
        <v>816</v>
      </c>
      <c r="C334" s="3" t="s">
        <v>817</v>
      </c>
      <c r="D334" s="5" t="s">
        <v>1023</v>
      </c>
      <c r="E334" s="3" t="s">
        <v>1024</v>
      </c>
      <c r="F334" s="3" t="s">
        <v>1566</v>
      </c>
      <c r="G334" s="3" t="s">
        <v>285</v>
      </c>
      <c r="H334" s="3" t="s">
        <v>60</v>
      </c>
      <c r="I334" s="3" t="s">
        <v>1365</v>
      </c>
      <c r="J334" s="3" t="s">
        <v>1282</v>
      </c>
      <c r="K334" s="3" t="s">
        <v>32</v>
      </c>
      <c r="L334" s="3" t="s">
        <v>33</v>
      </c>
      <c r="M334" s="3" t="s">
        <v>69</v>
      </c>
      <c r="N334" s="3" t="s">
        <v>159</v>
      </c>
      <c r="O334" s="3" t="s">
        <v>37</v>
      </c>
      <c r="P334" s="3" t="s">
        <v>37</v>
      </c>
      <c r="Q334" s="3" t="s">
        <v>37</v>
      </c>
      <c r="R334" s="3" t="s">
        <v>39</v>
      </c>
      <c r="S334" s="3" t="s">
        <v>1567</v>
      </c>
      <c r="T334" s="3" t="s">
        <v>126</v>
      </c>
      <c r="U334" s="3" t="s">
        <v>37</v>
      </c>
      <c r="V334" s="3" t="s">
        <v>37</v>
      </c>
    </row>
    <row r="335" spans="1:22" ht="14.45" customHeight="1" x14ac:dyDescent="0.25">
      <c r="A335" s="3" t="s">
        <v>900</v>
      </c>
      <c r="B335" s="4" t="s">
        <v>816</v>
      </c>
      <c r="C335" s="3" t="s">
        <v>817</v>
      </c>
      <c r="D335" s="5" t="s">
        <v>1284</v>
      </c>
      <c r="E335" s="3" t="s">
        <v>1024</v>
      </c>
      <c r="F335" s="3" t="s">
        <v>1498</v>
      </c>
      <c r="G335" s="3" t="s">
        <v>443</v>
      </c>
      <c r="H335" s="3" t="s">
        <v>60</v>
      </c>
      <c r="I335" s="3" t="s">
        <v>1365</v>
      </c>
      <c r="J335" s="3" t="s">
        <v>1282</v>
      </c>
      <c r="K335" s="3" t="s">
        <v>32</v>
      </c>
      <c r="L335" s="3" t="s">
        <v>33</v>
      </c>
      <c r="M335" s="3" t="s">
        <v>69</v>
      </c>
      <c r="N335" s="3" t="s">
        <v>159</v>
      </c>
      <c r="O335" s="3" t="s">
        <v>37</v>
      </c>
      <c r="P335" s="3" t="s">
        <v>37</v>
      </c>
      <c r="Q335" s="3" t="s">
        <v>37</v>
      </c>
      <c r="R335" s="3" t="s">
        <v>39</v>
      </c>
      <c r="S335" s="3" t="s">
        <v>1499</v>
      </c>
      <c r="T335" s="3" t="s">
        <v>37</v>
      </c>
      <c r="U335" s="3" t="s">
        <v>37</v>
      </c>
      <c r="V335" s="3" t="s">
        <v>37</v>
      </c>
    </row>
    <row r="336" spans="1:22" ht="14.45" customHeight="1" x14ac:dyDescent="0.25">
      <c r="A336" s="3" t="s">
        <v>900</v>
      </c>
      <c r="B336" s="4" t="s">
        <v>816</v>
      </c>
      <c r="C336" s="3" t="s">
        <v>817</v>
      </c>
      <c r="D336" s="5" t="s">
        <v>1029</v>
      </c>
      <c r="E336" s="3" t="s">
        <v>978</v>
      </c>
      <c r="F336" s="3" t="s">
        <v>1568</v>
      </c>
      <c r="G336" s="3" t="s">
        <v>72</v>
      </c>
      <c r="H336" s="3" t="s">
        <v>60</v>
      </c>
      <c r="I336" s="3" t="s">
        <v>37</v>
      </c>
      <c r="J336" s="3" t="s">
        <v>1569</v>
      </c>
      <c r="K336" s="3" t="s">
        <v>32</v>
      </c>
      <c r="L336" s="3" t="s">
        <v>33</v>
      </c>
      <c r="M336" s="3" t="s">
        <v>69</v>
      </c>
      <c r="N336" s="3" t="s">
        <v>53</v>
      </c>
      <c r="O336" s="3" t="s">
        <v>113</v>
      </c>
      <c r="P336" s="3" t="s">
        <v>37</v>
      </c>
      <c r="Q336" s="3" t="s">
        <v>37</v>
      </c>
      <c r="R336" s="3" t="s">
        <v>39</v>
      </c>
      <c r="S336" s="3" t="s">
        <v>1570</v>
      </c>
      <c r="T336" s="3" t="s">
        <v>37</v>
      </c>
      <c r="U336" s="3" t="s">
        <v>37</v>
      </c>
      <c r="V336" s="3" t="s">
        <v>37</v>
      </c>
    </row>
    <row r="337" spans="1:22" ht="14.45" customHeight="1" x14ac:dyDescent="0.25">
      <c r="A337" s="3" t="s">
        <v>900</v>
      </c>
      <c r="B337" s="4" t="s">
        <v>816</v>
      </c>
      <c r="C337" s="3" t="s">
        <v>817</v>
      </c>
      <c r="D337" s="5" t="s">
        <v>1287</v>
      </c>
      <c r="E337" s="3" t="s">
        <v>478</v>
      </c>
      <c r="F337" s="3" t="s">
        <v>1184</v>
      </c>
      <c r="G337" s="3" t="s">
        <v>1081</v>
      </c>
      <c r="H337" s="3" t="s">
        <v>180</v>
      </c>
      <c r="I337" s="3" t="s">
        <v>37</v>
      </c>
      <c r="J337" s="3" t="s">
        <v>1185</v>
      </c>
      <c r="K337" s="3" t="s">
        <v>32</v>
      </c>
      <c r="L337" s="3" t="s">
        <v>33</v>
      </c>
      <c r="M337" s="3" t="s">
        <v>34</v>
      </c>
      <c r="N337" s="3" t="s">
        <v>159</v>
      </c>
      <c r="O337" s="3" t="s">
        <v>37</v>
      </c>
      <c r="P337" s="3" t="s">
        <v>37</v>
      </c>
      <c r="Q337" s="3" t="s">
        <v>37</v>
      </c>
      <c r="R337" s="3" t="s">
        <v>39</v>
      </c>
      <c r="S337" s="3" t="s">
        <v>1186</v>
      </c>
      <c r="T337" s="3" t="s">
        <v>37</v>
      </c>
      <c r="U337" s="3" t="s">
        <v>37</v>
      </c>
      <c r="V337" s="3" t="s">
        <v>37</v>
      </c>
    </row>
    <row r="338" spans="1:22" ht="14.45" customHeight="1" x14ac:dyDescent="0.25">
      <c r="A338" s="3" t="s">
        <v>900</v>
      </c>
      <c r="B338" s="4" t="s">
        <v>816</v>
      </c>
      <c r="C338" s="3" t="s">
        <v>817</v>
      </c>
      <c r="D338" s="5" t="s">
        <v>1030</v>
      </c>
      <c r="E338" s="3" t="s">
        <v>1004</v>
      </c>
      <c r="F338" s="3" t="s">
        <v>1571</v>
      </c>
      <c r="G338" s="3" t="s">
        <v>603</v>
      </c>
      <c r="H338" s="3" t="s">
        <v>50</v>
      </c>
      <c r="I338" s="3" t="s">
        <v>37</v>
      </c>
      <c r="J338" s="3" t="s">
        <v>1572</v>
      </c>
      <c r="K338" s="3" t="s">
        <v>32</v>
      </c>
      <c r="L338" s="3" t="s">
        <v>33</v>
      </c>
      <c r="M338" s="3" t="s">
        <v>69</v>
      </c>
      <c r="N338" s="3" t="s">
        <v>53</v>
      </c>
      <c r="O338" s="3" t="s">
        <v>54</v>
      </c>
      <c r="P338" s="3" t="s">
        <v>37</v>
      </c>
      <c r="Q338" s="3" t="s">
        <v>37</v>
      </c>
      <c r="R338" s="3" t="s">
        <v>39</v>
      </c>
      <c r="S338" s="3" t="s">
        <v>1573</v>
      </c>
      <c r="T338" s="3" t="s">
        <v>37</v>
      </c>
      <c r="U338" s="3" t="s">
        <v>37</v>
      </c>
      <c r="V338" s="3" t="s">
        <v>37</v>
      </c>
    </row>
    <row r="339" spans="1:22" ht="14.45" customHeight="1" x14ac:dyDescent="0.25">
      <c r="A339" s="3" t="s">
        <v>900</v>
      </c>
      <c r="B339" s="4" t="s">
        <v>816</v>
      </c>
      <c r="C339" s="3" t="s">
        <v>817</v>
      </c>
      <c r="D339" s="5" t="s">
        <v>333</v>
      </c>
      <c r="E339" s="3" t="s">
        <v>993</v>
      </c>
      <c r="F339" s="3" t="s">
        <v>1574</v>
      </c>
      <c r="G339" s="3" t="s">
        <v>259</v>
      </c>
      <c r="H339" s="3" t="s">
        <v>50</v>
      </c>
      <c r="I339" s="3" t="s">
        <v>1292</v>
      </c>
      <c r="J339" s="3" t="s">
        <v>1575</v>
      </c>
      <c r="K339" s="3" t="s">
        <v>32</v>
      </c>
      <c r="L339" s="3" t="s">
        <v>33</v>
      </c>
      <c r="M339" s="3" t="s">
        <v>69</v>
      </c>
      <c r="N339" s="3" t="s">
        <v>131</v>
      </c>
      <c r="O339" s="3" t="s">
        <v>54</v>
      </c>
      <c r="P339" s="3" t="s">
        <v>37</v>
      </c>
      <c r="Q339" s="3" t="s">
        <v>37</v>
      </c>
      <c r="R339" s="3" t="s">
        <v>39</v>
      </c>
      <c r="S339" s="3" t="s">
        <v>1576</v>
      </c>
      <c r="T339" s="3" t="s">
        <v>37</v>
      </c>
      <c r="U339" s="3" t="s">
        <v>37</v>
      </c>
      <c r="V339" s="3" t="s">
        <v>37</v>
      </c>
    </row>
    <row r="340" spans="1:22" ht="14.45" customHeight="1" x14ac:dyDescent="0.25">
      <c r="A340" s="3" t="s">
        <v>900</v>
      </c>
      <c r="B340" s="4" t="s">
        <v>816</v>
      </c>
      <c r="C340" s="3" t="s">
        <v>817</v>
      </c>
      <c r="D340" s="5" t="s">
        <v>193</v>
      </c>
      <c r="E340" s="3" t="s">
        <v>987</v>
      </c>
      <c r="F340" s="3" t="s">
        <v>1577</v>
      </c>
      <c r="G340" s="3" t="s">
        <v>1578</v>
      </c>
      <c r="H340" s="3" t="s">
        <v>50</v>
      </c>
      <c r="I340" s="3" t="s">
        <v>1579</v>
      </c>
      <c r="J340" s="3" t="s">
        <v>1580</v>
      </c>
      <c r="K340" s="3" t="s">
        <v>32</v>
      </c>
      <c r="L340" s="3" t="s">
        <v>33</v>
      </c>
      <c r="M340" s="3" t="s">
        <v>69</v>
      </c>
      <c r="N340" s="3" t="s">
        <v>212</v>
      </c>
      <c r="O340" s="3" t="s">
        <v>113</v>
      </c>
      <c r="P340" s="3" t="s">
        <v>37</v>
      </c>
      <c r="Q340" s="3" t="s">
        <v>37</v>
      </c>
      <c r="R340" s="3" t="s">
        <v>39</v>
      </c>
      <c r="S340" s="3" t="s">
        <v>1581</v>
      </c>
      <c r="T340" s="3" t="s">
        <v>37</v>
      </c>
      <c r="U340" s="3" t="s">
        <v>37</v>
      </c>
      <c r="V340" s="3" t="s">
        <v>37</v>
      </c>
    </row>
    <row r="341" spans="1:22" ht="14.45" customHeight="1" x14ac:dyDescent="0.25">
      <c r="A341" s="3" t="s">
        <v>900</v>
      </c>
      <c r="B341" s="4" t="s">
        <v>816</v>
      </c>
      <c r="C341" s="3" t="s">
        <v>817</v>
      </c>
      <c r="D341" s="5" t="s">
        <v>477</v>
      </c>
      <c r="E341" s="3" t="s">
        <v>924</v>
      </c>
      <c r="F341" s="3" t="s">
        <v>1563</v>
      </c>
      <c r="G341" s="3" t="s">
        <v>1174</v>
      </c>
      <c r="H341" s="3" t="s">
        <v>29</v>
      </c>
      <c r="I341" s="3" t="s">
        <v>1356</v>
      </c>
      <c r="J341" s="7" t="s">
        <v>927</v>
      </c>
      <c r="K341" s="3" t="s">
        <v>32</v>
      </c>
      <c r="L341" s="3" t="s">
        <v>33</v>
      </c>
      <c r="M341" s="3" t="s">
        <v>928</v>
      </c>
      <c r="N341" s="3" t="s">
        <v>159</v>
      </c>
      <c r="O341" s="3" t="s">
        <v>166</v>
      </c>
      <c r="P341" s="3" t="s">
        <v>37</v>
      </c>
      <c r="Q341" s="3" t="s">
        <v>37</v>
      </c>
      <c r="R341" s="3" t="s">
        <v>39</v>
      </c>
      <c r="S341" s="3" t="s">
        <v>1564</v>
      </c>
      <c r="T341" s="3" t="s">
        <v>37</v>
      </c>
      <c r="U341" s="3" t="s">
        <v>37</v>
      </c>
      <c r="V341" s="3" t="s">
        <v>37</v>
      </c>
    </row>
    <row r="342" spans="1:22" ht="14.45" customHeight="1" x14ac:dyDescent="0.25">
      <c r="A342" s="3" t="s">
        <v>900</v>
      </c>
      <c r="B342" s="4" t="s">
        <v>816</v>
      </c>
      <c r="C342" s="3" t="s">
        <v>817</v>
      </c>
      <c r="D342" s="5" t="s">
        <v>1302</v>
      </c>
      <c r="E342" s="3" t="s">
        <v>924</v>
      </c>
      <c r="F342" s="3" t="s">
        <v>1300</v>
      </c>
      <c r="G342" s="3" t="s">
        <v>607</v>
      </c>
      <c r="H342" s="3" t="s">
        <v>29</v>
      </c>
      <c r="I342" s="3" t="s">
        <v>1356</v>
      </c>
      <c r="J342" s="7" t="s">
        <v>927</v>
      </c>
      <c r="K342" s="3" t="s">
        <v>32</v>
      </c>
      <c r="L342" s="3" t="s">
        <v>33</v>
      </c>
      <c r="M342" s="3" t="s">
        <v>928</v>
      </c>
      <c r="N342" s="3" t="s">
        <v>159</v>
      </c>
      <c r="O342" s="3" t="s">
        <v>166</v>
      </c>
      <c r="P342" s="3" t="s">
        <v>37</v>
      </c>
      <c r="Q342" s="3" t="s">
        <v>37</v>
      </c>
      <c r="R342" s="3" t="s">
        <v>39</v>
      </c>
      <c r="S342" s="3" t="s">
        <v>1301</v>
      </c>
      <c r="T342" s="3" t="s">
        <v>37</v>
      </c>
      <c r="U342" s="3" t="s">
        <v>37</v>
      </c>
      <c r="V342" s="3" t="s">
        <v>37</v>
      </c>
    </row>
    <row r="343" spans="1:22" ht="14.45" customHeight="1" x14ac:dyDescent="0.25">
      <c r="A343" s="3" t="s">
        <v>900</v>
      </c>
      <c r="B343" s="4" t="s">
        <v>816</v>
      </c>
      <c r="C343" s="3" t="s">
        <v>817</v>
      </c>
      <c r="D343" s="5" t="s">
        <v>202</v>
      </c>
      <c r="E343" s="3" t="s">
        <v>924</v>
      </c>
      <c r="F343" s="3" t="s">
        <v>1303</v>
      </c>
      <c r="G343" s="3" t="s">
        <v>455</v>
      </c>
      <c r="H343" s="3" t="s">
        <v>29</v>
      </c>
      <c r="I343" s="3" t="s">
        <v>1354</v>
      </c>
      <c r="J343" s="7" t="s">
        <v>927</v>
      </c>
      <c r="K343" s="3" t="s">
        <v>32</v>
      </c>
      <c r="L343" s="3" t="s">
        <v>33</v>
      </c>
      <c r="M343" s="3" t="s">
        <v>928</v>
      </c>
      <c r="N343" s="3" t="s">
        <v>159</v>
      </c>
      <c r="O343" s="3" t="s">
        <v>166</v>
      </c>
      <c r="P343" s="3" t="s">
        <v>37</v>
      </c>
      <c r="Q343" s="3" t="s">
        <v>37</v>
      </c>
      <c r="R343" s="3" t="s">
        <v>39</v>
      </c>
      <c r="S343" s="3" t="s">
        <v>1304</v>
      </c>
      <c r="T343" s="3" t="s">
        <v>37</v>
      </c>
      <c r="U343" s="3" t="s">
        <v>37</v>
      </c>
      <c r="V343" s="3" t="s">
        <v>37</v>
      </c>
    </row>
    <row r="344" spans="1:22" ht="14.45" customHeight="1" x14ac:dyDescent="0.25">
      <c r="A344" s="3" t="s">
        <v>900</v>
      </c>
      <c r="B344" s="4" t="s">
        <v>816</v>
      </c>
      <c r="C344" s="3" t="s">
        <v>817</v>
      </c>
      <c r="D344" s="5" t="s">
        <v>1042</v>
      </c>
      <c r="E344" s="3" t="s">
        <v>949</v>
      </c>
      <c r="F344" s="3" t="s">
        <v>1273</v>
      </c>
      <c r="G344" s="3" t="s">
        <v>204</v>
      </c>
      <c r="H344" s="3" t="s">
        <v>50</v>
      </c>
      <c r="I344" s="3" t="s">
        <v>37</v>
      </c>
      <c r="J344" s="3" t="s">
        <v>1275</v>
      </c>
      <c r="K344" s="3" t="s">
        <v>32</v>
      </c>
      <c r="L344" s="3" t="s">
        <v>33</v>
      </c>
      <c r="M344" s="3" t="s">
        <v>69</v>
      </c>
      <c r="N344" s="3" t="s">
        <v>159</v>
      </c>
      <c r="O344" s="3" t="s">
        <v>37</v>
      </c>
      <c r="P344" s="3" t="s">
        <v>37</v>
      </c>
      <c r="Q344" s="3" t="s">
        <v>37</v>
      </c>
      <c r="R344" s="3" t="s">
        <v>39</v>
      </c>
      <c r="S344" s="3" t="s">
        <v>1565</v>
      </c>
      <c r="T344" s="3" t="s">
        <v>37</v>
      </c>
      <c r="U344" s="3" t="s">
        <v>37</v>
      </c>
      <c r="V344" s="3" t="s">
        <v>37</v>
      </c>
    </row>
    <row r="345" spans="1:22" ht="14.45" customHeight="1" x14ac:dyDescent="0.25">
      <c r="A345" s="3" t="s">
        <v>900</v>
      </c>
      <c r="B345" s="4" t="s">
        <v>816</v>
      </c>
      <c r="C345" s="3" t="s">
        <v>817</v>
      </c>
      <c r="D345" s="5" t="s">
        <v>1305</v>
      </c>
      <c r="E345" s="3" t="s">
        <v>949</v>
      </c>
      <c r="F345" s="3" t="s">
        <v>1273</v>
      </c>
      <c r="G345" s="3" t="s">
        <v>1113</v>
      </c>
      <c r="H345" s="3" t="s">
        <v>50</v>
      </c>
      <c r="I345" s="3" t="s">
        <v>37</v>
      </c>
      <c r="J345" s="3" t="s">
        <v>1275</v>
      </c>
      <c r="K345" s="3" t="s">
        <v>32</v>
      </c>
      <c r="L345" s="3" t="s">
        <v>33</v>
      </c>
      <c r="M345" s="3" t="s">
        <v>69</v>
      </c>
      <c r="N345" s="3" t="s">
        <v>159</v>
      </c>
      <c r="O345" s="3" t="s">
        <v>37</v>
      </c>
      <c r="P345" s="3" t="s">
        <v>37</v>
      </c>
      <c r="Q345" s="3" t="s">
        <v>37</v>
      </c>
      <c r="R345" s="3" t="s">
        <v>39</v>
      </c>
      <c r="S345" s="3" t="s">
        <v>1497</v>
      </c>
      <c r="T345" s="3" t="s">
        <v>37</v>
      </c>
      <c r="U345" s="3" t="s">
        <v>37</v>
      </c>
      <c r="V345" s="3" t="s">
        <v>37</v>
      </c>
    </row>
    <row r="346" spans="1:22" ht="14.45" customHeight="1" x14ac:dyDescent="0.25">
      <c r="A346" s="3" t="s">
        <v>900</v>
      </c>
      <c r="B346" s="4" t="s">
        <v>816</v>
      </c>
      <c r="C346" s="3" t="s">
        <v>817</v>
      </c>
      <c r="D346" s="5" t="s">
        <v>207</v>
      </c>
      <c r="E346" s="3" t="s">
        <v>1024</v>
      </c>
      <c r="F346" s="3" t="s">
        <v>1566</v>
      </c>
      <c r="G346" s="3" t="s">
        <v>285</v>
      </c>
      <c r="H346" s="3" t="s">
        <v>60</v>
      </c>
      <c r="I346" s="3" t="s">
        <v>1365</v>
      </c>
      <c r="J346" s="3" t="s">
        <v>1282</v>
      </c>
      <c r="K346" s="3" t="s">
        <v>32</v>
      </c>
      <c r="L346" s="3" t="s">
        <v>33</v>
      </c>
      <c r="M346" s="3" t="s">
        <v>69</v>
      </c>
      <c r="N346" s="3" t="s">
        <v>159</v>
      </c>
      <c r="O346" s="3" t="s">
        <v>37</v>
      </c>
      <c r="P346" s="3" t="s">
        <v>37</v>
      </c>
      <c r="Q346" s="3" t="s">
        <v>37</v>
      </c>
      <c r="R346" s="3" t="s">
        <v>39</v>
      </c>
      <c r="S346" s="3" t="s">
        <v>1567</v>
      </c>
      <c r="T346" s="3" t="s">
        <v>37</v>
      </c>
      <c r="U346" s="3" t="s">
        <v>37</v>
      </c>
      <c r="V346" s="3" t="s">
        <v>37</v>
      </c>
    </row>
    <row r="347" spans="1:22" ht="14.45" customHeight="1" x14ac:dyDescent="0.25">
      <c r="A347" s="3" t="s">
        <v>900</v>
      </c>
      <c r="B347" s="4" t="s">
        <v>816</v>
      </c>
      <c r="C347" s="3" t="s">
        <v>817</v>
      </c>
      <c r="D347" s="5" t="s">
        <v>1306</v>
      </c>
      <c r="E347" s="3" t="s">
        <v>1024</v>
      </c>
      <c r="F347" s="3" t="s">
        <v>1498</v>
      </c>
      <c r="G347" s="3" t="s">
        <v>443</v>
      </c>
      <c r="H347" s="3" t="s">
        <v>60</v>
      </c>
      <c r="I347" s="3" t="s">
        <v>1365</v>
      </c>
      <c r="J347" s="3" t="s">
        <v>1282</v>
      </c>
      <c r="K347" s="3" t="s">
        <v>32</v>
      </c>
      <c r="L347" s="3" t="s">
        <v>33</v>
      </c>
      <c r="M347" s="3" t="s">
        <v>69</v>
      </c>
      <c r="N347" s="3" t="s">
        <v>159</v>
      </c>
      <c r="O347" s="3" t="s">
        <v>37</v>
      </c>
      <c r="P347" s="3" t="s">
        <v>37</v>
      </c>
      <c r="Q347" s="3" t="s">
        <v>37</v>
      </c>
      <c r="R347" s="3" t="s">
        <v>39</v>
      </c>
      <c r="S347" s="3" t="s">
        <v>1499</v>
      </c>
      <c r="T347" s="3" t="s">
        <v>37</v>
      </c>
      <c r="U347" s="3" t="s">
        <v>37</v>
      </c>
      <c r="V347" s="3" t="s">
        <v>37</v>
      </c>
    </row>
    <row r="348" spans="1:22" ht="14.45" customHeight="1" x14ac:dyDescent="0.25">
      <c r="A348" s="3" t="s">
        <v>900</v>
      </c>
      <c r="B348" s="4" t="s">
        <v>816</v>
      </c>
      <c r="C348" s="3" t="s">
        <v>817</v>
      </c>
      <c r="D348" s="5" t="s">
        <v>353</v>
      </c>
      <c r="E348" s="3" t="s">
        <v>978</v>
      </c>
      <c r="F348" s="3" t="s">
        <v>1568</v>
      </c>
      <c r="G348" s="3" t="s">
        <v>72</v>
      </c>
      <c r="H348" s="3" t="s">
        <v>60</v>
      </c>
      <c r="I348" s="3" t="s">
        <v>37</v>
      </c>
      <c r="J348" s="3" t="s">
        <v>1569</v>
      </c>
      <c r="K348" s="3" t="s">
        <v>32</v>
      </c>
      <c r="L348" s="3" t="s">
        <v>33</v>
      </c>
      <c r="M348" s="3" t="s">
        <v>69</v>
      </c>
      <c r="N348" s="3" t="s">
        <v>53</v>
      </c>
      <c r="O348" s="3" t="s">
        <v>113</v>
      </c>
      <c r="P348" s="3" t="s">
        <v>37</v>
      </c>
      <c r="Q348" s="3" t="s">
        <v>37</v>
      </c>
      <c r="R348" s="3" t="s">
        <v>39</v>
      </c>
      <c r="S348" s="3" t="s">
        <v>1570</v>
      </c>
      <c r="T348" s="3" t="s">
        <v>37</v>
      </c>
      <c r="U348" s="3" t="s">
        <v>37</v>
      </c>
      <c r="V348" s="3" t="s">
        <v>37</v>
      </c>
    </row>
    <row r="349" spans="1:22" ht="14.45" customHeight="1" x14ac:dyDescent="0.25">
      <c r="A349" s="3" t="s">
        <v>900</v>
      </c>
      <c r="B349" s="4" t="s">
        <v>816</v>
      </c>
      <c r="C349" s="3" t="s">
        <v>817</v>
      </c>
      <c r="D349" s="5" t="s">
        <v>215</v>
      </c>
      <c r="E349" s="3" t="s">
        <v>478</v>
      </c>
      <c r="F349" s="3" t="s">
        <v>1184</v>
      </c>
      <c r="G349" s="3" t="s">
        <v>1081</v>
      </c>
      <c r="H349" s="3" t="s">
        <v>180</v>
      </c>
      <c r="I349" s="3" t="s">
        <v>37</v>
      </c>
      <c r="J349" s="3" t="s">
        <v>1185</v>
      </c>
      <c r="K349" s="3" t="s">
        <v>32</v>
      </c>
      <c r="L349" s="3" t="s">
        <v>33</v>
      </c>
      <c r="M349" s="3" t="s">
        <v>34</v>
      </c>
      <c r="N349" s="3" t="s">
        <v>159</v>
      </c>
      <c r="O349" s="3" t="s">
        <v>37</v>
      </c>
      <c r="P349" s="3" t="s">
        <v>37</v>
      </c>
      <c r="Q349" s="3" t="s">
        <v>37</v>
      </c>
      <c r="R349" s="3" t="s">
        <v>39</v>
      </c>
      <c r="S349" s="3" t="s">
        <v>1186</v>
      </c>
      <c r="T349" s="3" t="s">
        <v>37</v>
      </c>
      <c r="U349" s="3" t="s">
        <v>37</v>
      </c>
      <c r="V349" s="3" t="s">
        <v>37</v>
      </c>
    </row>
    <row r="350" spans="1:22" ht="14.45" customHeight="1" x14ac:dyDescent="0.25">
      <c r="A350" s="3" t="s">
        <v>900</v>
      </c>
      <c r="B350" s="4" t="s">
        <v>816</v>
      </c>
      <c r="C350" s="3" t="s">
        <v>817</v>
      </c>
      <c r="D350" s="5" t="s">
        <v>1056</v>
      </c>
      <c r="E350" s="3" t="s">
        <v>1004</v>
      </c>
      <c r="F350" s="3" t="s">
        <v>1571</v>
      </c>
      <c r="G350" s="3" t="s">
        <v>603</v>
      </c>
      <c r="H350" s="3" t="s">
        <v>50</v>
      </c>
      <c r="I350" s="3" t="s">
        <v>37</v>
      </c>
      <c r="J350" s="3" t="s">
        <v>1572</v>
      </c>
      <c r="K350" s="3" t="s">
        <v>32</v>
      </c>
      <c r="L350" s="3" t="s">
        <v>33</v>
      </c>
      <c r="M350" s="3" t="s">
        <v>69</v>
      </c>
      <c r="N350" s="3" t="s">
        <v>53</v>
      </c>
      <c r="O350" s="3" t="s">
        <v>54</v>
      </c>
      <c r="P350" s="3" t="s">
        <v>37</v>
      </c>
      <c r="Q350" s="3" t="s">
        <v>37</v>
      </c>
      <c r="R350" s="3" t="s">
        <v>39</v>
      </c>
      <c r="S350" s="3" t="s">
        <v>1573</v>
      </c>
      <c r="T350" s="3" t="s">
        <v>37</v>
      </c>
      <c r="U350" s="3" t="s">
        <v>37</v>
      </c>
      <c r="V350" s="3" t="s">
        <v>37</v>
      </c>
    </row>
    <row r="351" spans="1:22" ht="14.45" customHeight="1" x14ac:dyDescent="0.25">
      <c r="A351" s="3" t="s">
        <v>900</v>
      </c>
      <c r="B351" s="4" t="s">
        <v>816</v>
      </c>
      <c r="C351" s="3" t="s">
        <v>817</v>
      </c>
      <c r="D351" s="5" t="s">
        <v>217</v>
      </c>
      <c r="E351" s="3" t="s">
        <v>993</v>
      </c>
      <c r="F351" s="3" t="s">
        <v>1574</v>
      </c>
      <c r="G351" s="3" t="s">
        <v>259</v>
      </c>
      <c r="H351" s="3" t="s">
        <v>50</v>
      </c>
      <c r="I351" s="3" t="s">
        <v>1292</v>
      </c>
      <c r="J351" s="3" t="s">
        <v>1575</v>
      </c>
      <c r="K351" s="3" t="s">
        <v>32</v>
      </c>
      <c r="L351" s="3" t="s">
        <v>33</v>
      </c>
      <c r="M351" s="3" t="s">
        <v>69</v>
      </c>
      <c r="N351" s="3" t="s">
        <v>131</v>
      </c>
      <c r="O351" s="3" t="s">
        <v>54</v>
      </c>
      <c r="P351" s="3" t="s">
        <v>37</v>
      </c>
      <c r="Q351" s="3" t="s">
        <v>37</v>
      </c>
      <c r="R351" s="3" t="s">
        <v>39</v>
      </c>
      <c r="S351" s="3" t="s">
        <v>1576</v>
      </c>
      <c r="T351" s="3" t="s">
        <v>37</v>
      </c>
      <c r="U351" s="3" t="s">
        <v>37</v>
      </c>
      <c r="V351" s="3" t="s">
        <v>37</v>
      </c>
    </row>
    <row r="352" spans="1:22" ht="14.45" customHeight="1" x14ac:dyDescent="0.25">
      <c r="A352" s="3" t="s">
        <v>900</v>
      </c>
      <c r="B352" s="4" t="s">
        <v>816</v>
      </c>
      <c r="C352" s="3" t="s">
        <v>817</v>
      </c>
      <c r="D352" s="5" t="s">
        <v>1063</v>
      </c>
      <c r="E352" s="3" t="s">
        <v>913</v>
      </c>
      <c r="F352" s="3" t="s">
        <v>1582</v>
      </c>
      <c r="G352" s="3" t="s">
        <v>281</v>
      </c>
      <c r="H352" s="3" t="s">
        <v>29</v>
      </c>
      <c r="I352" s="3" t="s">
        <v>915</v>
      </c>
      <c r="J352" s="3" t="s">
        <v>1583</v>
      </c>
      <c r="K352" s="3" t="s">
        <v>32</v>
      </c>
      <c r="L352" s="3" t="s">
        <v>33</v>
      </c>
      <c r="M352" s="3" t="s">
        <v>34</v>
      </c>
      <c r="N352" s="3" t="s">
        <v>53</v>
      </c>
      <c r="O352" s="3" t="s">
        <v>54</v>
      </c>
      <c r="P352" s="3" t="s">
        <v>37</v>
      </c>
      <c r="Q352" s="3" t="s">
        <v>37</v>
      </c>
      <c r="R352" s="3" t="s">
        <v>39</v>
      </c>
      <c r="S352" s="3" t="s">
        <v>1584</v>
      </c>
      <c r="T352" s="3" t="s">
        <v>37</v>
      </c>
      <c r="U352" s="3" t="s">
        <v>37</v>
      </c>
      <c r="V352" s="3" t="s">
        <v>37</v>
      </c>
    </row>
    <row r="353" spans="1:22" ht="14.45" customHeight="1" x14ac:dyDescent="0.25">
      <c r="A353" s="3"/>
      <c r="B353" s="4"/>
      <c r="C353" s="3"/>
      <c r="D353" s="5"/>
      <c r="E353" s="6" t="s">
        <v>1067</v>
      </c>
      <c r="F353" s="3"/>
      <c r="G353" s="3"/>
      <c r="H353" s="3"/>
      <c r="I353" s="3"/>
      <c r="J353" s="3"/>
      <c r="K353" s="3"/>
      <c r="L353" s="3"/>
      <c r="M353" s="3"/>
      <c r="N353" s="3"/>
      <c r="O353" s="3"/>
      <c r="P353" s="3"/>
      <c r="Q353" s="3"/>
      <c r="R353" s="3"/>
      <c r="S353" s="3"/>
      <c r="T353" s="3"/>
      <c r="U353" s="3"/>
      <c r="V353" s="3"/>
    </row>
    <row r="354" spans="1:22" ht="14.45" customHeight="1" x14ac:dyDescent="0.25">
      <c r="A354" s="3"/>
      <c r="B354" s="4"/>
      <c r="C354" s="3"/>
      <c r="D354" s="5"/>
      <c r="E354" s="3"/>
      <c r="F354" s="3"/>
      <c r="G354" s="3"/>
      <c r="H354" s="3"/>
      <c r="I354" s="3"/>
      <c r="J354" s="7"/>
      <c r="K354" s="3"/>
      <c r="L354" s="3"/>
      <c r="M354" s="3"/>
      <c r="N354" s="3"/>
      <c r="O354" s="3"/>
      <c r="P354" s="3"/>
      <c r="Q354" s="3"/>
      <c r="R354" s="3"/>
      <c r="S354" s="3"/>
      <c r="T354" s="3"/>
      <c r="U354" s="3"/>
      <c r="V354"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0-12T08:00:11Z</dcterms:modified>
</cp:coreProperties>
</file>